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3.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drawings/drawing4.xml" ContentType="application/vnd.openxmlformats-officedocument.drawing+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0521\03_太陽光Ｇ（庁舎外参照用）\01_太陽光発電\01_ソーラーバンクシステム\01_かながわソーラーバンクシステム実施要領\01_ソーラーバンク要領\R5制度改正\02_施行\"/>
    </mc:Choice>
  </mc:AlternateContent>
  <bookViews>
    <workbookView xWindow="0" yWindow="0" windowWidth="20490" windowHeight="9060"/>
  </bookViews>
  <sheets>
    <sheet name="様式１" sheetId="5" r:id="rId1"/>
    <sheet name="様式２" sheetId="17" r:id="rId2"/>
    <sheet name="様式３" sheetId="10" r:id="rId3"/>
    <sheet name="様式４" sheetId="19" r:id="rId4"/>
    <sheet name="様式５" sheetId="11" r:id="rId5"/>
    <sheet name="様式６" sheetId="16" r:id="rId6"/>
    <sheet name="様式7" sheetId="13" r:id="rId7"/>
    <sheet name="様式８" sheetId="14" r:id="rId8"/>
    <sheet name="様式９" sheetId="15" r:id="rId9"/>
  </sheets>
  <externalReferences>
    <externalReference r:id="rId10"/>
    <externalReference r:id="rId11"/>
    <externalReference r:id="rId12"/>
    <externalReference r:id="rId13"/>
  </externalReferences>
  <definedNames>
    <definedName name="_xlnm.Print_Area" localSheetId="0">様式１!$A$1:$R$30</definedName>
    <definedName name="_xlnm.Print_Area" localSheetId="1">様式２!$A$1:$K$41</definedName>
    <definedName name="_xlnm.Print_Area" localSheetId="2">様式３!$A$1:$L$67</definedName>
    <definedName name="_xlnm.Print_Area" localSheetId="3">様式４!$A$1:$K$23</definedName>
    <definedName name="_xlnm.Print_Area" localSheetId="4">様式５!$A$1:$I$39</definedName>
    <definedName name="_xlnm.Print_Area" localSheetId="6">様式7!$A$1:$Q$33</definedName>
    <definedName name="_xlnm.Print_Area" localSheetId="7">様式８!$A$1:$Q$44</definedName>
    <definedName name="_xlnm.Print_Area" localSheetId="8">様式９!$A$1:$Q$45</definedName>
    <definedName name="モジュール" localSheetId="3">#REF!</definedName>
    <definedName name="モジュール">#REF!</definedName>
    <definedName name="モジュール種類" localSheetId="1">#REF!</definedName>
    <definedName name="モジュール種類" localSheetId="3">#REF!</definedName>
    <definedName name="モジュール種類">#REF!</definedName>
    <definedName name="一面" localSheetId="1">#REF!</definedName>
    <definedName name="一面" localSheetId="3">#REF!</definedName>
    <definedName name="一面">#REF!</definedName>
    <definedName name="屋根形状" localSheetId="1">#REF!</definedName>
    <definedName name="屋根形状" localSheetId="3">#REF!</definedName>
    <definedName name="屋根形状">#REF!</definedName>
    <definedName name="屋根材" localSheetId="1">#REF!</definedName>
    <definedName name="屋根材" localSheetId="3">#REF!</definedName>
    <definedName name="屋根材">#REF!</definedName>
    <definedName name="屋根材２" localSheetId="1">#REF!</definedName>
    <definedName name="屋根材２" localSheetId="3">#REF!</definedName>
    <definedName name="屋根材２">#REF!</definedName>
    <definedName name="三面" localSheetId="1">#REF!</definedName>
    <definedName name="三面" localSheetId="3">#REF!</definedName>
    <definedName name="三面">#REF!</definedName>
    <definedName name="設置面" localSheetId="1">#REF!</definedName>
    <definedName name="設置面" localSheetId="3">#REF!</definedName>
    <definedName name="設置面">#REF!</definedName>
    <definedName name="設備">[1]データ参照シート!$B$2</definedName>
    <definedName name="大分類" localSheetId="0">[2]基本情報!#REF!</definedName>
    <definedName name="大分類" localSheetId="1">[3]基本情報!#REF!</definedName>
    <definedName name="大分類" localSheetId="2">[3]基本情報!#REF!</definedName>
    <definedName name="大分類" localSheetId="3">[3]基本情報!#REF!</definedName>
    <definedName name="大分類">[3]基本情報!#REF!</definedName>
    <definedName name="提案区分" localSheetId="1">#REF!</definedName>
    <definedName name="提案区分" localSheetId="3">#REF!</definedName>
    <definedName name="提案区分">#REF!</definedName>
    <definedName name="二面" localSheetId="1">#REF!</definedName>
    <definedName name="二面" localSheetId="3">#REF!</definedName>
    <definedName name="二面">#REF!</definedName>
    <definedName name="年間予測発電量基準地点" localSheetId="1">#REF!</definedName>
    <definedName name="年間予測発電量基準地点" localSheetId="3">#REF!</definedName>
    <definedName name="年間予測発電量基準地点">#REF!</definedName>
    <definedName name="別1その2">[4]対策!$K$2:$K$9</definedName>
    <definedName name="方角" localSheetId="1">#REF!</definedName>
    <definedName name="方角" localSheetId="3">#REF!</definedName>
    <definedName name="方角">#REF!</definedName>
  </definedNames>
  <calcPr calcId="162913" iterate="1"/>
</workbook>
</file>

<file path=xl/calcChain.xml><?xml version="1.0" encoding="utf-8"?>
<calcChain xmlns="http://schemas.openxmlformats.org/spreadsheetml/2006/main">
  <c r="AH27" i="15" l="1"/>
  <c r="AH26" i="15"/>
  <c r="AH25" i="15"/>
  <c r="AH24" i="15"/>
  <c r="C22" i="15"/>
  <c r="AH27" i="14" l="1"/>
  <c r="AH26" i="14"/>
  <c r="AH25" i="14"/>
  <c r="AH24" i="14"/>
  <c r="AH23" i="14"/>
</calcChain>
</file>

<file path=xl/sharedStrings.xml><?xml version="1.0" encoding="utf-8"?>
<sst xmlns="http://schemas.openxmlformats.org/spreadsheetml/2006/main" count="342" uniqueCount="205">
  <si>
    <t>住宅の種類</t>
    <rPh sb="0" eb="2">
      <t>ジュウタク</t>
    </rPh>
    <rPh sb="3" eb="5">
      <t>シュルイ</t>
    </rPh>
    <phoneticPr fontId="6"/>
  </si>
  <si>
    <t>屋根の素材</t>
    <rPh sb="0" eb="2">
      <t>ヤネ</t>
    </rPh>
    <rPh sb="3" eb="5">
      <t>ソザイ</t>
    </rPh>
    <phoneticPr fontId="6"/>
  </si>
  <si>
    <t>屋根の形状</t>
    <rPh sb="0" eb="2">
      <t>ヤネ</t>
    </rPh>
    <rPh sb="3" eb="5">
      <t>ケイジョウ</t>
    </rPh>
    <phoneticPr fontId="6"/>
  </si>
  <si>
    <t>設置面</t>
    <rPh sb="0" eb="2">
      <t>セッチ</t>
    </rPh>
    <rPh sb="2" eb="3">
      <t>メン</t>
    </rPh>
    <phoneticPr fontId="6"/>
  </si>
  <si>
    <t>1世帯当たりの年間使用電力量</t>
    <rPh sb="1" eb="3">
      <t>セタイ</t>
    </rPh>
    <rPh sb="3" eb="4">
      <t>ア</t>
    </rPh>
    <rPh sb="7" eb="9">
      <t>ネンカン</t>
    </rPh>
    <rPh sb="9" eb="11">
      <t>シヨウ</t>
    </rPh>
    <rPh sb="11" eb="13">
      <t>デンリョク</t>
    </rPh>
    <rPh sb="13" eb="14">
      <t>リョウ</t>
    </rPh>
    <phoneticPr fontId="6"/>
  </si>
  <si>
    <t>1世帯当たりの契約アンペア</t>
    <rPh sb="1" eb="3">
      <t>セタイ</t>
    </rPh>
    <rPh sb="3" eb="4">
      <t>ア</t>
    </rPh>
    <rPh sb="7" eb="9">
      <t>ケイヤク</t>
    </rPh>
    <phoneticPr fontId="6"/>
  </si>
  <si>
    <t>設置容量</t>
    <rPh sb="0" eb="2">
      <t>セッチ</t>
    </rPh>
    <rPh sb="2" eb="4">
      <t>ヨウリョウ</t>
    </rPh>
    <phoneticPr fontId="6"/>
  </si>
  <si>
    <t>戸建住宅
階数２</t>
    <rPh sb="0" eb="2">
      <t>コダテ</t>
    </rPh>
    <rPh sb="2" eb="4">
      <t>ジュウタク</t>
    </rPh>
    <rPh sb="5" eb="7">
      <t>カイスウ</t>
    </rPh>
    <phoneticPr fontId="6"/>
  </si>
  <si>
    <t>切妻屋根</t>
    <rPh sb="0" eb="1">
      <t>キリ</t>
    </rPh>
    <rPh sb="1" eb="2">
      <t>ツマ</t>
    </rPh>
    <rPh sb="2" eb="4">
      <t>ヤネ</t>
    </rPh>
    <phoneticPr fontId="6"/>
  </si>
  <si>
    <t>１面</t>
    <rPh sb="1" eb="2">
      <t>メン</t>
    </rPh>
    <phoneticPr fontId="6"/>
  </si>
  <si>
    <t>４kW</t>
    <phoneticPr fontId="6"/>
  </si>
  <si>
    <t>年間</t>
    <rPh sb="0" eb="2">
      <t>ネンカン</t>
    </rPh>
    <phoneticPr fontId="6"/>
  </si>
  <si>
    <t>年</t>
    <rPh sb="0" eb="1">
      <t>ネン</t>
    </rPh>
    <phoneticPr fontId="6"/>
  </si>
  <si>
    <t>代表者の職・氏名</t>
    <rPh sb="0" eb="3">
      <t>ダイヒョウシャ</t>
    </rPh>
    <rPh sb="4" eb="5">
      <t>ショク</t>
    </rPh>
    <rPh sb="6" eb="8">
      <t>シメイ</t>
    </rPh>
    <phoneticPr fontId="6"/>
  </si>
  <si>
    <t>電力販売</t>
    <rPh sb="0" eb="2">
      <t>デンリョク</t>
    </rPh>
    <rPh sb="2" eb="4">
      <t>ハンバイ</t>
    </rPh>
    <phoneticPr fontId="6"/>
  </si>
  <si>
    <t>事業プランに関する問合せ先等</t>
    <rPh sb="0" eb="2">
      <t>ジギョウ</t>
    </rPh>
    <rPh sb="6" eb="7">
      <t>カン</t>
    </rPh>
    <rPh sb="9" eb="11">
      <t>トイアワ</t>
    </rPh>
    <rPh sb="12" eb="13">
      <t>サキ</t>
    </rPh>
    <rPh sb="13" eb="14">
      <t>ナド</t>
    </rPh>
    <phoneticPr fontId="6"/>
  </si>
  <si>
    <t>URL</t>
    <phoneticPr fontId="6"/>
  </si>
  <si>
    <t>名　称</t>
    <rPh sb="0" eb="1">
      <t>メイ</t>
    </rPh>
    <rPh sb="2" eb="3">
      <t>ショウ</t>
    </rPh>
    <phoneticPr fontId="6"/>
  </si>
  <si>
    <t/>
  </si>
  <si>
    <t>記</t>
    <rPh sb="0" eb="1">
      <t>キ</t>
    </rPh>
    <phoneticPr fontId="6"/>
  </si>
  <si>
    <t>（E-mail</t>
    <phoneticPr fontId="6"/>
  </si>
  <si>
    <t>事業プランの種類（１つにチェックを入れる）</t>
    <rPh sb="0" eb="2">
      <t>ジギョウ</t>
    </rPh>
    <rPh sb="6" eb="8">
      <t>シュルイ</t>
    </rPh>
    <rPh sb="17" eb="18">
      <t>イ</t>
    </rPh>
    <phoneticPr fontId="6"/>
  </si>
  <si>
    <t>事業プランの説明・アピールポイント等</t>
    <rPh sb="0" eb="2">
      <t>ジギョウ</t>
    </rPh>
    <rPh sb="6" eb="8">
      <t>セツメイ</t>
    </rPh>
    <rPh sb="17" eb="18">
      <t>ナド</t>
    </rPh>
    <phoneticPr fontId="6"/>
  </si>
  <si>
    <t>様式１</t>
    <rPh sb="0" eb="2">
      <t>ヨウシキ</t>
    </rPh>
    <phoneticPr fontId="6"/>
  </si>
  <si>
    <t>様式２</t>
    <rPh sb="0" eb="2">
      <t>ヨウシキ</t>
    </rPh>
    <phoneticPr fontId="6"/>
  </si>
  <si>
    <t>円</t>
    <rPh sb="0" eb="1">
      <t>エン</t>
    </rPh>
    <phoneticPr fontId="6"/>
  </si>
  <si>
    <t>電話番号</t>
    <rPh sb="0" eb="2">
      <t>デンワ</t>
    </rPh>
    <rPh sb="2" eb="3">
      <t>バン</t>
    </rPh>
    <rPh sb="3" eb="4">
      <t>ゴウ</t>
    </rPh>
    <phoneticPr fontId="6"/>
  </si>
  <si>
    <t>特記事項</t>
    <rPh sb="0" eb="2">
      <t>トッキ</t>
    </rPh>
    <rPh sb="2" eb="4">
      <t>ジコウ</t>
    </rPh>
    <phoneticPr fontId="6"/>
  </si>
  <si>
    <t>部分を入力してください。</t>
    <rPh sb="0" eb="2">
      <t>ブブン</t>
    </rPh>
    <rPh sb="3" eb="5">
      <t>ニュウリョク</t>
    </rPh>
    <phoneticPr fontId="16"/>
  </si>
  <si>
    <t>神奈川県知事　殿</t>
    <rPh sb="0" eb="3">
      <t>カナガワ</t>
    </rPh>
    <rPh sb="3" eb="6">
      <t>ケンチジ</t>
    </rPh>
    <rPh sb="7" eb="8">
      <t>ドノ</t>
    </rPh>
    <phoneticPr fontId="6"/>
  </si>
  <si>
    <t>令和</t>
    <rPh sb="0" eb="2">
      <t>レイワ</t>
    </rPh>
    <phoneticPr fontId="6"/>
  </si>
  <si>
    <t>かながわソーラーバンクシステム設置プラン登録申請書</t>
    <rPh sb="15" eb="17">
      <t>セッチ</t>
    </rPh>
    <rPh sb="20" eb="22">
      <t>トウロク</t>
    </rPh>
    <rPh sb="22" eb="25">
      <t>シンセイショ</t>
    </rPh>
    <phoneticPr fontId="6"/>
  </si>
  <si>
    <t xml:space="preserve">  かながわソーラーバンクシステム実施要領に基づき、次のとおり申請します。</t>
    <rPh sb="17" eb="19">
      <t>ジッシ</t>
    </rPh>
    <rPh sb="19" eb="21">
      <t>ヨウリョウ</t>
    </rPh>
    <rPh sb="22" eb="23">
      <t>モト</t>
    </rPh>
    <rPh sb="26" eb="27">
      <t>ツギ</t>
    </rPh>
    <phoneticPr fontId="6"/>
  </si>
  <si>
    <t>その他　　　　　　</t>
    <rPh sb="2" eb="3">
      <t>タ</t>
    </rPh>
    <phoneticPr fontId="6"/>
  </si>
  <si>
    <t>（</t>
    <phoneticPr fontId="6"/>
  </si>
  <si>
    <t>）</t>
    <phoneticPr fontId="6"/>
  </si>
  <si>
    <t>保障</t>
    <rPh sb="0" eb="2">
      <t>ホショウ</t>
    </rPh>
    <phoneticPr fontId="6"/>
  </si>
  <si>
    <t>故障時の対応</t>
    <rPh sb="0" eb="3">
      <t>コショウジ</t>
    </rPh>
    <rPh sb="4" eb="6">
      <t>タイオウ</t>
    </rPh>
    <phoneticPr fontId="6"/>
  </si>
  <si>
    <t>定期点検</t>
    <rPh sb="0" eb="2">
      <t>テイキ</t>
    </rPh>
    <rPh sb="2" eb="4">
      <t>テンケン</t>
    </rPh>
    <phoneticPr fontId="6"/>
  </si>
  <si>
    <t>パネル出力保証</t>
    <rPh sb="3" eb="5">
      <t>シュツリョク</t>
    </rPh>
    <rPh sb="5" eb="7">
      <t>ホショウ</t>
    </rPh>
    <phoneticPr fontId="6"/>
  </si>
  <si>
    <t>システム保証</t>
    <rPh sb="4" eb="6">
      <t>ホショウ</t>
    </rPh>
    <phoneticPr fontId="6"/>
  </si>
  <si>
    <t>施工保証</t>
    <rPh sb="0" eb="2">
      <t>セコウ</t>
    </rPh>
    <rPh sb="2" eb="4">
      <t>ホショウ</t>
    </rPh>
    <phoneticPr fontId="6"/>
  </si>
  <si>
    <t>災害補償</t>
    <rPh sb="0" eb="2">
      <t>サイガイ</t>
    </rPh>
    <rPh sb="2" eb="4">
      <t>ホショウ</t>
    </rPh>
    <phoneticPr fontId="6"/>
  </si>
  <si>
    <t>保証者</t>
    <rPh sb="0" eb="2">
      <t>ホショウ</t>
    </rPh>
    <rPh sb="2" eb="3">
      <t>シャ</t>
    </rPh>
    <phoneticPr fontId="6"/>
  </si>
  <si>
    <t>補償者</t>
    <rPh sb="0" eb="2">
      <t>ホショウ</t>
    </rPh>
    <rPh sb="2" eb="3">
      <t>シャ</t>
    </rPh>
    <phoneticPr fontId="6"/>
  </si>
  <si>
    <t>周期</t>
    <rPh sb="0" eb="2">
      <t>シュウキ</t>
    </rPh>
    <phoneticPr fontId="6"/>
  </si>
  <si>
    <t>内容（点検対象）</t>
    <rPh sb="0" eb="2">
      <t>ナイヨウ</t>
    </rPh>
    <rPh sb="3" eb="5">
      <t>テンケン</t>
    </rPh>
    <rPh sb="5" eb="7">
      <t>タイショウ</t>
    </rPh>
    <phoneticPr fontId="6"/>
  </si>
  <si>
    <t>点検者</t>
    <rPh sb="0" eb="2">
      <t>テンケン</t>
    </rPh>
    <rPh sb="2" eb="3">
      <t>シャ</t>
    </rPh>
    <phoneticPr fontId="6"/>
  </si>
  <si>
    <t>点検費用</t>
    <rPh sb="0" eb="2">
      <t>テンケン</t>
    </rPh>
    <rPh sb="2" eb="4">
      <t>ヒヨウ</t>
    </rPh>
    <phoneticPr fontId="6"/>
  </si>
  <si>
    <t>連絡先（注）</t>
    <rPh sb="0" eb="3">
      <t>レンラクサキ</t>
    </rPh>
    <rPh sb="4" eb="5">
      <t>チュウ</t>
    </rPh>
    <phoneticPr fontId="6"/>
  </si>
  <si>
    <t>事業プランの名称</t>
    <rPh sb="0" eb="2">
      <t>ジギョウ</t>
    </rPh>
    <phoneticPr fontId="6"/>
  </si>
  <si>
    <t>（注）　連絡先は、事業全般の内容について総括的な対応が可能であるとともに、県からの指示に対し、一元的な
　　　窓口となる担当者を記載すること。</t>
    <rPh sb="1" eb="2">
      <t>チュウ</t>
    </rPh>
    <rPh sb="37" eb="38">
      <t>ケン</t>
    </rPh>
    <rPh sb="41" eb="43">
      <t>シジ</t>
    </rPh>
    <rPh sb="44" eb="45">
      <t>タイ</t>
    </rPh>
    <phoneticPr fontId="6"/>
  </si>
  <si>
    <t>支払総額</t>
    <rPh sb="0" eb="2">
      <t>シハライ</t>
    </rPh>
    <rPh sb="2" eb="4">
      <t>ソウガク</t>
    </rPh>
    <phoneticPr fontId="6"/>
  </si>
  <si>
    <t>円</t>
    <rPh sb="0" eb="1">
      <t>エン</t>
    </rPh>
    <phoneticPr fontId="6"/>
  </si>
  <si>
    <t>　１事業プランの種類において「その他」を選んだ場合又は上記の料金形態に該当しない場合は、別途資料を添付すること。</t>
    <phoneticPr fontId="6"/>
  </si>
  <si>
    <t>　（３）その他</t>
    <rPh sb="6" eb="7">
      <t>タ</t>
    </rPh>
    <phoneticPr fontId="6"/>
  </si>
  <si>
    <t>諸条件</t>
    <rPh sb="0" eb="3">
      <t>ショジョウケン</t>
    </rPh>
    <phoneticPr fontId="6"/>
  </si>
  <si>
    <t>契約者の年齢制限</t>
    <rPh sb="0" eb="3">
      <t>ケイヤクシャ</t>
    </rPh>
    <rPh sb="4" eb="6">
      <t>ネンレイ</t>
    </rPh>
    <rPh sb="6" eb="8">
      <t>セイゲン</t>
    </rPh>
    <phoneticPr fontId="6"/>
  </si>
  <si>
    <t>築年数の制限</t>
    <rPh sb="0" eb="1">
      <t>チク</t>
    </rPh>
    <rPh sb="1" eb="3">
      <t>ネンスウ</t>
    </rPh>
    <rPh sb="4" eb="6">
      <t>セイゲン</t>
    </rPh>
    <phoneticPr fontId="6"/>
  </si>
  <si>
    <t>その他の制限</t>
    <rPh sb="2" eb="3">
      <t>タ</t>
    </rPh>
    <rPh sb="4" eb="6">
      <t>セイゲン</t>
    </rPh>
    <phoneticPr fontId="6"/>
  </si>
  <si>
    <t>歳未満</t>
    <rPh sb="0" eb="1">
      <t>サイ</t>
    </rPh>
    <rPh sb="1" eb="3">
      <t>ミマン</t>
    </rPh>
    <phoneticPr fontId="6"/>
  </si>
  <si>
    <t>年未満</t>
    <rPh sb="0" eb="1">
      <t>ネン</t>
    </rPh>
    <rPh sb="1" eb="3">
      <t>ミマン</t>
    </rPh>
    <phoneticPr fontId="6"/>
  </si>
  <si>
    <t>料金比較シミュレーション</t>
    <rPh sb="0" eb="2">
      <t>リョウキン</t>
    </rPh>
    <rPh sb="2" eb="4">
      <t>ヒカク</t>
    </rPh>
    <phoneticPr fontId="6"/>
  </si>
  <si>
    <t>kW以上</t>
    <rPh sb="2" eb="4">
      <t>イジョウ</t>
    </rPh>
    <phoneticPr fontId="6"/>
  </si>
  <si>
    <t>太陽光発電システムの設計費、設備費及び工事費の合計</t>
    <rPh sb="0" eb="3">
      <t>タイヨウコウ</t>
    </rPh>
    <rPh sb="3" eb="5">
      <t>ハツデン</t>
    </rPh>
    <rPh sb="10" eb="12">
      <t>セッケイ</t>
    </rPh>
    <rPh sb="12" eb="13">
      <t>ヒ</t>
    </rPh>
    <rPh sb="14" eb="17">
      <t>セツビヒ</t>
    </rPh>
    <rPh sb="17" eb="18">
      <t>オヨ</t>
    </rPh>
    <rPh sb="19" eb="21">
      <t>コウジ</t>
    </rPh>
    <rPh sb="21" eb="22">
      <t>ヒ</t>
    </rPh>
    <rPh sb="23" eb="25">
      <t>ゴウケイ</t>
    </rPh>
    <phoneticPr fontId="6"/>
  </si>
  <si>
    <t>　〇設置費用</t>
    <rPh sb="2" eb="4">
      <t>セッチ</t>
    </rPh>
    <rPh sb="4" eb="6">
      <t>ヒヨウ</t>
    </rPh>
    <phoneticPr fontId="6"/>
  </si>
  <si>
    <t>※設置費用は県のHP上では公開されません。</t>
    <rPh sb="1" eb="3">
      <t>セッチ</t>
    </rPh>
    <rPh sb="3" eb="5">
      <t>ヒヨウ</t>
    </rPh>
    <rPh sb="6" eb="7">
      <t>ケン</t>
    </rPh>
    <rPh sb="10" eb="11">
      <t>ジョウ</t>
    </rPh>
    <rPh sb="13" eb="15">
      <t>コウカイ</t>
    </rPh>
    <phoneticPr fontId="6"/>
  </si>
  <si>
    <t>様式３</t>
    <rPh sb="0" eb="2">
      <t>ヨウシキ</t>
    </rPh>
    <phoneticPr fontId="6"/>
  </si>
  <si>
    <t>申請者</t>
    <rPh sb="0" eb="3">
      <t>シンセイシャ</t>
    </rPh>
    <phoneticPr fontId="6"/>
  </si>
  <si>
    <t>40A</t>
    <phoneticPr fontId="6"/>
  </si>
  <si>
    <t>4,200kWh</t>
    <phoneticPr fontId="6"/>
  </si>
  <si>
    <t>　神奈川県知事　殿</t>
    <rPh sb="1" eb="4">
      <t>カナガワ</t>
    </rPh>
    <rPh sb="4" eb="7">
      <t>ケンチジ</t>
    </rPh>
    <rPh sb="8" eb="9">
      <t>ドノ</t>
    </rPh>
    <phoneticPr fontId="19"/>
  </si>
  <si>
    <t>（代表事業者名称）</t>
    <rPh sb="1" eb="3">
      <t>ダイヒョウ</t>
    </rPh>
    <rPh sb="3" eb="5">
      <t>ジギョウ</t>
    </rPh>
    <rPh sb="5" eb="6">
      <t>シャ</t>
    </rPh>
    <rPh sb="6" eb="8">
      <t>メイショウ</t>
    </rPh>
    <phoneticPr fontId="19"/>
  </si>
  <si>
    <t>（所在地）</t>
    <rPh sb="1" eb="4">
      <t>ショザイチ</t>
    </rPh>
    <phoneticPr fontId="19"/>
  </si>
  <si>
    <t>（代表者職名・氏名）</t>
    <rPh sb="1" eb="4">
      <t>ダイヒョウシャ</t>
    </rPh>
    <rPh sb="4" eb="6">
      <t>ショクメイ</t>
    </rPh>
    <rPh sb="7" eb="8">
      <t>ウジ</t>
    </rPh>
    <rPh sb="8" eb="9">
      <t>ナ</t>
    </rPh>
    <phoneticPr fontId="19"/>
  </si>
  <si>
    <t>　弊社は、かながわソーラーバンクシステム設置プランの登録申請にあたり下記の事項</t>
    <rPh sb="1" eb="3">
      <t>ヘイシャ</t>
    </rPh>
    <rPh sb="20" eb="22">
      <t>セッチ</t>
    </rPh>
    <rPh sb="26" eb="28">
      <t>トウロク</t>
    </rPh>
    <rPh sb="28" eb="30">
      <t>シンセイ</t>
    </rPh>
    <phoneticPr fontId="19"/>
  </si>
  <si>
    <t>について相違ないことを誓約します。</t>
    <phoneticPr fontId="19"/>
  </si>
  <si>
    <t>記</t>
    <rPh sb="0" eb="1">
      <t>キ</t>
    </rPh>
    <phoneticPr fontId="19"/>
  </si>
  <si>
    <t>　６　県税その他の租税を滞納していないこと。</t>
    <rPh sb="3" eb="5">
      <t>ケンゼイ</t>
    </rPh>
    <rPh sb="7" eb="8">
      <t>タ</t>
    </rPh>
    <rPh sb="9" eb="11">
      <t>ソゼイ</t>
    </rPh>
    <rPh sb="12" eb="14">
      <t>タイノウ</t>
    </rPh>
    <phoneticPr fontId="19"/>
  </si>
  <si>
    <t>　７　神奈川県が措置する指名停止期間中の者でないこと。</t>
    <rPh sb="3" eb="7">
      <t>カナガワケン</t>
    </rPh>
    <rPh sb="8" eb="10">
      <t>ソチ</t>
    </rPh>
    <rPh sb="12" eb="14">
      <t>シメイ</t>
    </rPh>
    <rPh sb="14" eb="16">
      <t>テイシ</t>
    </rPh>
    <rPh sb="16" eb="19">
      <t>キカンチュウ</t>
    </rPh>
    <rPh sb="20" eb="21">
      <t>モノ</t>
    </rPh>
    <phoneticPr fontId="19"/>
  </si>
  <si>
    <t>　９　登録プランの太陽光発電設備を確保し、滞りなく供給すること。</t>
    <rPh sb="3" eb="5">
      <t>トウロク</t>
    </rPh>
    <rPh sb="9" eb="12">
      <t>タイヨウコウ</t>
    </rPh>
    <rPh sb="12" eb="14">
      <t>ハツデン</t>
    </rPh>
    <rPh sb="14" eb="16">
      <t>セツビ</t>
    </rPh>
    <rPh sb="17" eb="19">
      <t>カクホ</t>
    </rPh>
    <rPh sb="21" eb="22">
      <t>トドコオ</t>
    </rPh>
    <rPh sb="25" eb="27">
      <t>キョウキュウ</t>
    </rPh>
    <phoneticPr fontId="19"/>
  </si>
  <si>
    <t>以　上</t>
    <phoneticPr fontId="19"/>
  </si>
  <si>
    <t>様式６</t>
    <rPh sb="0" eb="2">
      <t>ヨウシキ</t>
    </rPh>
    <phoneticPr fontId="6"/>
  </si>
  <si>
    <t>リース</t>
    <phoneticPr fontId="6"/>
  </si>
  <si>
    <t>施工事業者</t>
    <rPh sb="0" eb="2">
      <t>セコウ</t>
    </rPh>
    <rPh sb="2" eb="5">
      <t>ジギョウシャ</t>
    </rPh>
    <phoneticPr fontId="6"/>
  </si>
  <si>
    <t>事業者名</t>
    <rPh sb="0" eb="3">
      <t>ジギョウシャ</t>
    </rPh>
    <rPh sb="3" eb="4">
      <t>メイ</t>
    </rPh>
    <phoneticPr fontId="6"/>
  </si>
  <si>
    <t>連絡先</t>
    <rPh sb="0" eb="2">
      <t>レンラク</t>
    </rPh>
    <rPh sb="2" eb="3">
      <t>サキ</t>
    </rPh>
    <phoneticPr fontId="6"/>
  </si>
  <si>
    <t>所在地</t>
    <rPh sb="0" eb="3">
      <t>ショザイチ</t>
    </rPh>
    <phoneticPr fontId="6"/>
  </si>
  <si>
    <t>基本プラン</t>
    <rPh sb="0" eb="2">
      <t>キホン</t>
    </rPh>
    <phoneticPr fontId="6"/>
  </si>
  <si>
    <t>その他の特長のあるプラン</t>
    <rPh sb="2" eb="3">
      <t>タ</t>
    </rPh>
    <rPh sb="4" eb="6">
      <t>トクチョウ</t>
    </rPh>
    <phoneticPr fontId="6"/>
  </si>
  <si>
    <t>様式４</t>
    <rPh sb="0" eb="2">
      <t>ヨウシキ</t>
    </rPh>
    <phoneticPr fontId="6"/>
  </si>
  <si>
    <t>　〇設置費用算出の条件</t>
    <rPh sb="2" eb="4">
      <t>セッチ</t>
    </rPh>
    <rPh sb="4" eb="6">
      <t>ヒヨウ</t>
    </rPh>
    <phoneticPr fontId="6"/>
  </si>
  <si>
    <t>月</t>
    <rPh sb="0" eb="1">
      <t>ツキ</t>
    </rPh>
    <phoneticPr fontId="6"/>
  </si>
  <si>
    <t>日</t>
    <rPh sb="0" eb="1">
      <t>ヒ</t>
    </rPh>
    <phoneticPr fontId="6"/>
  </si>
  <si>
    <t>住　所</t>
  </si>
  <si>
    <t xml:space="preserve">会社名 </t>
    <rPh sb="0" eb="2">
      <t>カイシャ</t>
    </rPh>
    <rPh sb="2" eb="3">
      <t>ナ</t>
    </rPh>
    <phoneticPr fontId="6"/>
  </si>
  <si>
    <t>部課名</t>
    <rPh sb="0" eb="2">
      <t>ブカ</t>
    </rPh>
    <rPh sb="2" eb="3">
      <t>ナ</t>
    </rPh>
    <phoneticPr fontId="6"/>
  </si>
  <si>
    <t>担当者氏名</t>
    <rPh sb="0" eb="3">
      <t>タントウシャ</t>
    </rPh>
    <rPh sb="3" eb="5">
      <t>シメイ</t>
    </rPh>
    <phoneticPr fontId="6"/>
  </si>
  <si>
    <t>）</t>
  </si>
  <si>
    <t>（電話番号</t>
    <phoneticPr fontId="6"/>
  </si>
  <si>
    <t>（携帯電話</t>
    <phoneticPr fontId="6"/>
  </si>
  <si>
    <t>契約期間（譲渡までの期間）・取扱容量</t>
    <rPh sb="0" eb="2">
      <t>ケイヤク</t>
    </rPh>
    <rPh sb="2" eb="4">
      <t>キカン</t>
    </rPh>
    <rPh sb="5" eb="7">
      <t>ジョウト</t>
    </rPh>
    <rPh sb="10" eb="12">
      <t>キカン</t>
    </rPh>
    <rPh sb="14" eb="16">
      <t>トリアツカイ</t>
    </rPh>
    <rPh sb="16" eb="18">
      <t>ヨウリョウ</t>
    </rPh>
    <phoneticPr fontId="6"/>
  </si>
  <si>
    <t>　１　過去２年以内に銀行取引停止処分を受けていないこと。</t>
    <rPh sb="3" eb="5">
      <t>カコ</t>
    </rPh>
    <rPh sb="6" eb="7">
      <t>ネン</t>
    </rPh>
    <rPh sb="7" eb="9">
      <t>イナイ</t>
    </rPh>
    <rPh sb="10" eb="12">
      <t>ギンコウ</t>
    </rPh>
    <rPh sb="12" eb="14">
      <t>トリヒキ</t>
    </rPh>
    <rPh sb="14" eb="16">
      <t>テイシ</t>
    </rPh>
    <rPh sb="16" eb="18">
      <t>ショブン</t>
    </rPh>
    <rPh sb="19" eb="20">
      <t>ウ</t>
    </rPh>
    <phoneticPr fontId="19"/>
  </si>
  <si>
    <t>　２　過去６か月以内に不渡手形又は不渡小切手を出していないこと。</t>
    <rPh sb="3" eb="5">
      <t>カコ</t>
    </rPh>
    <rPh sb="7" eb="8">
      <t>ゲツ</t>
    </rPh>
    <rPh sb="8" eb="10">
      <t>イナイ</t>
    </rPh>
    <rPh sb="11" eb="15">
      <t>フワタリテガタ</t>
    </rPh>
    <rPh sb="15" eb="16">
      <t>マタ</t>
    </rPh>
    <rPh sb="17" eb="19">
      <t>フワタ</t>
    </rPh>
    <rPh sb="19" eb="22">
      <t>コギッテ</t>
    </rPh>
    <rPh sb="23" eb="24">
      <t>ダ</t>
    </rPh>
    <phoneticPr fontId="19"/>
  </si>
  <si>
    <t>　５　補助事業を円滑に遂行できる安定的かつ健全な財政能力を有すること
　　（債務超過の状況にないこと。）。</t>
    <rPh sb="3" eb="5">
      <t>ホジョ</t>
    </rPh>
    <rPh sb="5" eb="7">
      <t>ジギョウ</t>
    </rPh>
    <rPh sb="8" eb="10">
      <t>エンカツ</t>
    </rPh>
    <rPh sb="11" eb="13">
      <t>スイコウ</t>
    </rPh>
    <rPh sb="16" eb="19">
      <t>アンテイテキ</t>
    </rPh>
    <rPh sb="21" eb="23">
      <t>ケンゼン</t>
    </rPh>
    <rPh sb="24" eb="26">
      <t>ザイセイ</t>
    </rPh>
    <rPh sb="26" eb="28">
      <t>ノウリョク</t>
    </rPh>
    <rPh sb="29" eb="30">
      <t>ユウ</t>
    </rPh>
    <rPh sb="38" eb="40">
      <t>サイム</t>
    </rPh>
    <rPh sb="40" eb="42">
      <t>チョウカ</t>
    </rPh>
    <rPh sb="43" eb="45">
      <t>ジョウキョウ</t>
    </rPh>
    <phoneticPr fontId="19"/>
  </si>
  <si>
    <t>かながわソーラーバンクシステムに係る対応状況報告書</t>
    <rPh sb="16" eb="17">
      <t>カカ</t>
    </rPh>
    <rPh sb="18" eb="20">
      <t>タイオウ</t>
    </rPh>
    <rPh sb="20" eb="22">
      <t>ジョウキョウ</t>
    </rPh>
    <rPh sb="22" eb="24">
      <t>ホウコク</t>
    </rPh>
    <rPh sb="24" eb="25">
      <t>ショ</t>
    </rPh>
    <phoneticPr fontId="19"/>
  </si>
  <si>
    <t>記入にあたって</t>
    <rPh sb="0" eb="2">
      <t>キニュウ</t>
    </rPh>
    <phoneticPr fontId="19"/>
  </si>
  <si>
    <t>代表事業者</t>
    <rPh sb="0" eb="2">
      <t>ダイヒョウ</t>
    </rPh>
    <rPh sb="2" eb="5">
      <t>ジギョウシャ</t>
    </rPh>
    <phoneticPr fontId="19"/>
  </si>
  <si>
    <t>（名称）</t>
    <rPh sb="1" eb="3">
      <t>メイショウ</t>
    </rPh>
    <phoneticPr fontId="19"/>
  </si>
  <si>
    <t>代表事業者名の正式名称を記入してください（全角）</t>
    <rPh sb="0" eb="2">
      <t>ダイヒョウ</t>
    </rPh>
    <rPh sb="2" eb="4">
      <t>ジギョウ</t>
    </rPh>
    <rPh sb="5" eb="6">
      <t>メイ</t>
    </rPh>
    <rPh sb="7" eb="9">
      <t>セイシキ</t>
    </rPh>
    <rPh sb="9" eb="11">
      <t>メイショウ</t>
    </rPh>
    <rPh sb="12" eb="14">
      <t>キニュウ</t>
    </rPh>
    <rPh sb="21" eb="23">
      <t>ゼンカク</t>
    </rPh>
    <phoneticPr fontId="19"/>
  </si>
  <si>
    <t>代表事業者名の所在地を記入してください（全角英数字）</t>
    <rPh sb="0" eb="2">
      <t>ダイヒョウ</t>
    </rPh>
    <rPh sb="2" eb="4">
      <t>ジギョウ</t>
    </rPh>
    <rPh sb="5" eb="6">
      <t>メイ</t>
    </rPh>
    <rPh sb="7" eb="10">
      <t>ショザイチ</t>
    </rPh>
    <rPh sb="11" eb="13">
      <t>キニュウ</t>
    </rPh>
    <rPh sb="20" eb="22">
      <t>ゼンカク</t>
    </rPh>
    <rPh sb="22" eb="25">
      <t>エイスウジ</t>
    </rPh>
    <phoneticPr fontId="19"/>
  </si>
  <si>
    <t>（代表者職名・氏名）</t>
    <rPh sb="1" eb="4">
      <t>ダイヒョウシャ</t>
    </rPh>
    <rPh sb="4" eb="6">
      <t>ショクメイ</t>
    </rPh>
    <rPh sb="7" eb="8">
      <t>シ</t>
    </rPh>
    <rPh sb="8" eb="9">
      <t>メイ</t>
    </rPh>
    <phoneticPr fontId="19"/>
  </si>
  <si>
    <t>代表者の職名と氏名を記入してください（全角）</t>
    <rPh sb="0" eb="3">
      <t>ダイヒョウシャ</t>
    </rPh>
    <rPh sb="4" eb="6">
      <t>ショクメイ</t>
    </rPh>
    <rPh sb="7" eb="9">
      <t>シメイ</t>
    </rPh>
    <rPh sb="10" eb="12">
      <t>キニュウ</t>
    </rPh>
    <rPh sb="19" eb="21">
      <t>ゼンカク</t>
    </rPh>
    <phoneticPr fontId="19"/>
  </si>
  <si>
    <t>　かながわソーラーバンクシステム係る対応状況について、以下のとおり報告します。</t>
    <rPh sb="16" eb="17">
      <t>カカ</t>
    </rPh>
    <rPh sb="18" eb="20">
      <t>タイオウ</t>
    </rPh>
    <rPh sb="20" eb="22">
      <t>ジョウキョウ</t>
    </rPh>
    <rPh sb="27" eb="29">
      <t>イカ</t>
    </rPh>
    <rPh sb="33" eb="35">
      <t>ホウコク</t>
    </rPh>
    <phoneticPr fontId="29"/>
  </si>
  <si>
    <t>成約件数</t>
    <rPh sb="0" eb="2">
      <t>セイヤク</t>
    </rPh>
    <rPh sb="2" eb="4">
      <t>ケンスウ</t>
    </rPh>
    <phoneticPr fontId="29"/>
  </si>
  <si>
    <t>①登録プランの成約</t>
    <rPh sb="1" eb="3">
      <t>トウロク</t>
    </rPh>
    <rPh sb="7" eb="9">
      <t>セイヤク</t>
    </rPh>
    <phoneticPr fontId="29"/>
  </si>
  <si>
    <t>②登録プラン外の成約</t>
    <rPh sb="1" eb="3">
      <t>トウロク</t>
    </rPh>
    <rPh sb="6" eb="7">
      <t>ガイ</t>
    </rPh>
    <rPh sb="8" eb="10">
      <t>セイヤク</t>
    </rPh>
    <phoneticPr fontId="29"/>
  </si>
  <si>
    <t>問合せ先</t>
    <rPh sb="0" eb="1">
      <t>ト</t>
    </rPh>
    <rPh sb="1" eb="2">
      <t>ア</t>
    </rPh>
    <rPh sb="3" eb="4">
      <t>サキ</t>
    </rPh>
    <phoneticPr fontId="29"/>
  </si>
  <si>
    <t>１　ソーラーバンクシステムを経由した成約状況</t>
    <rPh sb="18" eb="20">
      <t>セイヤク</t>
    </rPh>
    <rPh sb="20" eb="22">
      <t>ジョウキョウ</t>
    </rPh>
    <phoneticPr fontId="19"/>
  </si>
  <si>
    <t>２　特記事項</t>
    <rPh sb="2" eb="4">
      <t>トッキ</t>
    </rPh>
    <rPh sb="4" eb="6">
      <t>ジコウ</t>
    </rPh>
    <phoneticPr fontId="19"/>
  </si>
  <si>
    <t>記入に当たって</t>
    <rPh sb="0" eb="2">
      <t>キニュウ</t>
    </rPh>
    <rPh sb="3" eb="4">
      <t>ア</t>
    </rPh>
    <phoneticPr fontId="19"/>
  </si>
  <si>
    <r>
      <t>提出年月日を</t>
    </r>
    <r>
      <rPr>
        <b/>
        <sz val="12"/>
        <color indexed="10"/>
        <rFont val="ＭＳ 明朝"/>
        <family val="1"/>
        <charset val="128"/>
      </rPr>
      <t>和暦</t>
    </r>
    <r>
      <rPr>
        <sz val="11"/>
        <rFont val="ＭＳ Ｐゴシック"/>
        <family val="3"/>
        <charset val="128"/>
      </rPr>
      <t>で記入してください</t>
    </r>
    <rPh sb="0" eb="2">
      <t>テイシュツ</t>
    </rPh>
    <rPh sb="2" eb="5">
      <t>ネンガッピ</t>
    </rPh>
    <rPh sb="6" eb="8">
      <t>ワレキ</t>
    </rPh>
    <rPh sb="9" eb="11">
      <t>キニュウ</t>
    </rPh>
    <phoneticPr fontId="19"/>
  </si>
  <si>
    <t>代表事業者の正式名称を記入してください（全角）</t>
    <rPh sb="0" eb="2">
      <t>ダイヒョウ</t>
    </rPh>
    <rPh sb="2" eb="5">
      <t>ジギョウシャ</t>
    </rPh>
    <rPh sb="6" eb="8">
      <t>セイシキ</t>
    </rPh>
    <rPh sb="8" eb="10">
      <t>メイショウ</t>
    </rPh>
    <rPh sb="11" eb="13">
      <t>キニュウ</t>
    </rPh>
    <rPh sb="20" eb="22">
      <t>ゼンカク</t>
    </rPh>
    <phoneticPr fontId="19"/>
  </si>
  <si>
    <t>（本店所在地）</t>
    <rPh sb="1" eb="3">
      <t>ホンテン</t>
    </rPh>
    <rPh sb="3" eb="6">
      <t>ショザイチ</t>
    </rPh>
    <phoneticPr fontId="19"/>
  </si>
  <si>
    <t>代表事業者の本社所在地を記入してください（全角英数字）</t>
    <rPh sb="0" eb="2">
      <t>ダイヒョウ</t>
    </rPh>
    <rPh sb="2" eb="5">
      <t>ジギョウシャ</t>
    </rPh>
    <rPh sb="6" eb="8">
      <t>ホンシャ</t>
    </rPh>
    <rPh sb="8" eb="11">
      <t>ショザイチ</t>
    </rPh>
    <rPh sb="12" eb="14">
      <t>キニュウ</t>
    </rPh>
    <rPh sb="21" eb="23">
      <t>ゼンカク</t>
    </rPh>
    <rPh sb="23" eb="26">
      <t>エイスウジ</t>
    </rPh>
    <phoneticPr fontId="19"/>
  </si>
  <si>
    <t>代表者の職名と氏名を記入してください（全角）</t>
    <phoneticPr fontId="19"/>
  </si>
  <si>
    <t>Ａ</t>
    <phoneticPr fontId="19"/>
  </si>
  <si>
    <t>Ａ</t>
    <phoneticPr fontId="19"/>
  </si>
  <si>
    <t>○</t>
    <phoneticPr fontId="19"/>
  </si>
  <si>
    <t>出荷実績</t>
    <rPh sb="0" eb="2">
      <t>シュッカ</t>
    </rPh>
    <rPh sb="2" eb="4">
      <t>ジッセキ</t>
    </rPh>
    <phoneticPr fontId="19"/>
  </si>
  <si>
    <t>Ｂ</t>
    <phoneticPr fontId="19"/>
  </si>
  <si>
    <t>Ｃ</t>
    <phoneticPr fontId="19"/>
  </si>
  <si>
    <t>設置実績</t>
    <rPh sb="0" eb="2">
      <t>セッチ</t>
    </rPh>
    <rPh sb="2" eb="4">
      <t>ジッセキ</t>
    </rPh>
    <phoneticPr fontId="19"/>
  </si>
  <si>
    <t>Ｄ</t>
    <phoneticPr fontId="19"/>
  </si>
  <si>
    <t>３　添付書類</t>
    <rPh sb="2" eb="4">
      <t>テンプ</t>
    </rPh>
    <rPh sb="4" eb="6">
      <t>ショルイ</t>
    </rPh>
    <phoneticPr fontId="19"/>
  </si>
  <si>
    <t>・</t>
    <phoneticPr fontId="19"/>
  </si>
  <si>
    <t>代表事業者で具体の事務を取り扱う担当者の所属及び担当者名、連絡先を記入してください。</t>
    <rPh sb="24" eb="27">
      <t>タントウシャ</t>
    </rPh>
    <rPh sb="27" eb="28">
      <t>メイ</t>
    </rPh>
    <phoneticPr fontId="29"/>
  </si>
  <si>
    <t>　かながわソーラーバンクシステムにおいて登録された次のプランについて、登録抹消を申請します。</t>
    <rPh sb="20" eb="22">
      <t>トウロク</t>
    </rPh>
    <rPh sb="25" eb="26">
      <t>ツギ</t>
    </rPh>
    <rPh sb="35" eb="37">
      <t>トウロク</t>
    </rPh>
    <rPh sb="37" eb="39">
      <t>マッショウ</t>
    </rPh>
    <rPh sb="40" eb="42">
      <t>シンセイ</t>
    </rPh>
    <phoneticPr fontId="29"/>
  </si>
  <si>
    <t>１　抹消申請対象</t>
    <rPh sb="2" eb="4">
      <t>マッショウ</t>
    </rPh>
    <rPh sb="4" eb="6">
      <t>シンセイ</t>
    </rPh>
    <rPh sb="6" eb="8">
      <t>タイショウ</t>
    </rPh>
    <phoneticPr fontId="19"/>
  </si>
  <si>
    <t>抹消理由</t>
    <rPh sb="0" eb="2">
      <t>マッショウ</t>
    </rPh>
    <rPh sb="2" eb="4">
      <t>リユウ</t>
    </rPh>
    <phoneticPr fontId="19"/>
  </si>
  <si>
    <t>○</t>
    <phoneticPr fontId="19"/>
  </si>
  <si>
    <t>Ｃ</t>
    <phoneticPr fontId="19"/>
  </si>
  <si>
    <t>Ｄ</t>
    <phoneticPr fontId="19"/>
  </si>
  <si>
    <t>かながわソーラーバンクシステム登録抹消申請書</t>
    <rPh sb="15" eb="17">
      <t>トウロク</t>
    </rPh>
    <rPh sb="17" eb="19">
      <t>マッショウ</t>
    </rPh>
    <rPh sb="19" eb="21">
      <t>シンセイ</t>
    </rPh>
    <rPh sb="21" eb="22">
      <t>ショ</t>
    </rPh>
    <phoneticPr fontId="19"/>
  </si>
  <si>
    <t xml:space="preserve">  かながわソーラーバンクシステム登録申請に係る誓約書</t>
    <rPh sb="17" eb="19">
      <t>トウロク</t>
    </rPh>
    <rPh sb="19" eb="21">
      <t>シンセイ</t>
    </rPh>
    <rPh sb="22" eb="23">
      <t>カカ</t>
    </rPh>
    <rPh sb="24" eb="27">
      <t>セイヤクショ</t>
    </rPh>
    <phoneticPr fontId="19"/>
  </si>
  <si>
    <t>変更内容が確認できる書類</t>
    <rPh sb="0" eb="2">
      <t>ヘンコウ</t>
    </rPh>
    <rPh sb="2" eb="4">
      <t>ナイヨウ</t>
    </rPh>
    <rPh sb="5" eb="7">
      <t>カクニン</t>
    </rPh>
    <rPh sb="10" eb="12">
      <t>ショルイ</t>
    </rPh>
    <phoneticPr fontId="19"/>
  </si>
  <si>
    <t>内訳</t>
    <rPh sb="0" eb="2">
      <t>ウチワケ</t>
    </rPh>
    <phoneticPr fontId="29"/>
  </si>
  <si>
    <t>変更箇所</t>
    <rPh sb="0" eb="2">
      <t>ヘンコウ</t>
    </rPh>
    <rPh sb="2" eb="4">
      <t>カショ</t>
    </rPh>
    <phoneticPr fontId="19"/>
  </si>
  <si>
    <t>変更理由</t>
    <rPh sb="0" eb="2">
      <t>ヘンコウ</t>
    </rPh>
    <rPh sb="2" eb="4">
      <t>リユウ</t>
    </rPh>
    <phoneticPr fontId="29"/>
  </si>
  <si>
    <t>　かながわソーラーバンクの登録プランについて、次のとおり変更したいので、関係書類を添えて申請します。</t>
    <rPh sb="23" eb="24">
      <t>ツギ</t>
    </rPh>
    <rPh sb="28" eb="30">
      <t>ヘンコウ</t>
    </rPh>
    <rPh sb="36" eb="38">
      <t>カンケイ</t>
    </rPh>
    <rPh sb="38" eb="40">
      <t>ショルイ</t>
    </rPh>
    <rPh sb="41" eb="42">
      <t>ソ</t>
    </rPh>
    <phoneticPr fontId="29"/>
  </si>
  <si>
    <t>かながわソーラーバンクシステム変更承認申請書</t>
    <rPh sb="15" eb="17">
      <t>ヘンコウ</t>
    </rPh>
    <rPh sb="17" eb="19">
      <t>ショウニン</t>
    </rPh>
    <rPh sb="19" eb="22">
      <t>シンセイショ</t>
    </rPh>
    <phoneticPr fontId="19"/>
  </si>
  <si>
    <t>役 員 等 氏 名 一 覧 表</t>
    <phoneticPr fontId="6"/>
  </si>
  <si>
    <t>役職名</t>
  </si>
  <si>
    <t>氏  名</t>
  </si>
  <si>
    <t>氏名のカナ</t>
  </si>
  <si>
    <t>生年月日</t>
  </si>
  <si>
    <t>性別</t>
  </si>
  <si>
    <t>住  所</t>
  </si>
  <si>
    <t>(男･女)</t>
  </si>
  <si>
    <t>　記載された全ての者は、役員に暴力団員がいないことを確認するため、本様式に記載された情報を神奈川県警察本部に照会することについて、同意しております。</t>
    <phoneticPr fontId="19"/>
  </si>
  <si>
    <t>名称</t>
    <rPh sb="0" eb="2">
      <t>メイショウ</t>
    </rPh>
    <phoneticPr fontId="19"/>
  </si>
  <si>
    <t>代表者職・氏名</t>
    <rPh sb="0" eb="3">
      <t>ダイヒョウシャ</t>
    </rPh>
    <rPh sb="3" eb="4">
      <t>ショク</t>
    </rPh>
    <rPh sb="5" eb="7">
      <t>シメイ</t>
    </rPh>
    <phoneticPr fontId="19"/>
  </si>
  <si>
    <t>(大正T,昭和S,平成H,令和R)</t>
    <rPh sb="13" eb="15">
      <t>レイワ</t>
    </rPh>
    <phoneticPr fontId="6"/>
  </si>
  <si>
    <t>S   ．  ．</t>
    <phoneticPr fontId="19"/>
  </si>
  <si>
    <t>H   ．  ．</t>
    <phoneticPr fontId="19"/>
  </si>
  <si>
    <t>T   ．  ．</t>
    <phoneticPr fontId="19"/>
  </si>
  <si>
    <t>　令和    年   月   日現在の役員</t>
    <rPh sb="1" eb="3">
      <t>レイワ</t>
    </rPh>
    <phoneticPr fontId="19"/>
  </si>
  <si>
    <t>発電出力１kWあたり</t>
    <rPh sb="0" eb="2">
      <t>ハツデン</t>
    </rPh>
    <rPh sb="2" eb="4">
      <t>シュツリョク</t>
    </rPh>
    <phoneticPr fontId="6"/>
  </si>
  <si>
    <t>事業プランの名称</t>
    <rPh sb="0" eb="2">
      <t>ジギョウ</t>
    </rPh>
    <rPh sb="6" eb="8">
      <t>メイショウ</t>
    </rPh>
    <phoneticPr fontId="19"/>
  </si>
  <si>
    <t>　（１）電力販売</t>
    <rPh sb="4" eb="6">
      <t>デンリョク</t>
    </rPh>
    <rPh sb="6" eb="8">
      <t>ハンバイ</t>
    </rPh>
    <phoneticPr fontId="6"/>
  </si>
  <si>
    <t>　（２）リース</t>
    <phoneticPr fontId="6"/>
  </si>
  <si>
    <t>販売電力単価</t>
    <rPh sb="0" eb="2">
      <t>ハンバイ</t>
    </rPh>
    <rPh sb="2" eb="4">
      <t>デンリョク</t>
    </rPh>
    <rPh sb="4" eb="6">
      <t>タンカ</t>
    </rPh>
    <phoneticPr fontId="6"/>
  </si>
  <si>
    <t>　４　債務不履行により、所有する資産に対し、仮差押命令、差押命令、保全差押又は
　　競売開始決定がなされていないこと。</t>
    <rPh sb="3" eb="5">
      <t>サイム</t>
    </rPh>
    <rPh sb="5" eb="8">
      <t>フリコウ</t>
    </rPh>
    <rPh sb="12" eb="14">
      <t>ショユウ</t>
    </rPh>
    <rPh sb="16" eb="18">
      <t>シサン</t>
    </rPh>
    <rPh sb="19" eb="20">
      <t>タイ</t>
    </rPh>
    <rPh sb="22" eb="25">
      <t>カリサシオサエ</t>
    </rPh>
    <rPh sb="25" eb="27">
      <t>メイレイ</t>
    </rPh>
    <rPh sb="28" eb="30">
      <t>サシオサエ</t>
    </rPh>
    <rPh sb="30" eb="32">
      <t>メイレイ</t>
    </rPh>
    <rPh sb="33" eb="35">
      <t>ホゼン</t>
    </rPh>
    <rPh sb="35" eb="36">
      <t>サ</t>
    </rPh>
    <rPh sb="36" eb="37">
      <t>オウ</t>
    </rPh>
    <rPh sb="37" eb="38">
      <t>マタ</t>
    </rPh>
    <rPh sb="43" eb="44">
      <t>バイ</t>
    </rPh>
    <rPh sb="44" eb="46">
      <t>カイシ</t>
    </rPh>
    <rPh sb="46" eb="48">
      <t>ケッテイ</t>
    </rPh>
    <phoneticPr fontId="19"/>
  </si>
  <si>
    <t>スレート、ガルバリウム鋼板又は同等品</t>
    <rPh sb="13" eb="14">
      <t>マタ</t>
    </rPh>
    <rPh sb="15" eb="18">
      <t>ドウトウヒン</t>
    </rPh>
    <phoneticPr fontId="6"/>
  </si>
  <si>
    <t>導入前後の差額
(a)－(b)      (c)</t>
    <rPh sb="0" eb="2">
      <t>ドウニュウ</t>
    </rPh>
    <rPh sb="2" eb="4">
      <t>ゼンゴ</t>
    </rPh>
    <rPh sb="5" eb="7">
      <t>サガク</t>
    </rPh>
    <phoneticPr fontId="6"/>
  </si>
  <si>
    <r>
      <rPr>
        <sz val="10"/>
        <rFont val="ＭＳ 明朝"/>
        <family val="1"/>
        <charset val="128"/>
      </rPr>
      <t xml:space="preserve">月々のリース料金  </t>
    </r>
    <r>
      <rPr>
        <sz val="11"/>
        <rFont val="ＭＳ 明朝"/>
        <family val="1"/>
        <charset val="128"/>
      </rPr>
      <t>(a)</t>
    </r>
    <rPh sb="0" eb="2">
      <t>ツキヅキ</t>
    </rPh>
    <rPh sb="6" eb="8">
      <t>リョウキン</t>
    </rPh>
    <phoneticPr fontId="6"/>
  </si>
  <si>
    <r>
      <rPr>
        <sz val="10"/>
        <rFont val="ＭＳ 明朝"/>
        <family val="1"/>
        <charset val="128"/>
      </rPr>
      <t>導入前後の電気料金差額</t>
    </r>
    <r>
      <rPr>
        <sz val="11"/>
        <rFont val="ＭＳ 明朝"/>
        <family val="1"/>
        <charset val="128"/>
      </rPr>
      <t xml:space="preserve">
(b)－(c)     　 (d)</t>
    </r>
    <rPh sb="0" eb="2">
      <t>ドウニュウ</t>
    </rPh>
    <rPh sb="2" eb="4">
      <t>ゼンゴ</t>
    </rPh>
    <rPh sb="5" eb="7">
      <t>デンキ</t>
    </rPh>
    <rPh sb="7" eb="9">
      <t>リョウキン</t>
    </rPh>
    <rPh sb="9" eb="11">
      <t>サガク</t>
    </rPh>
    <phoneticPr fontId="6"/>
  </si>
  <si>
    <t>(d)－(a)    　  (e)</t>
    <phoneticPr fontId="6"/>
  </si>
  <si>
    <t>円/kWh</t>
    <rPh sb="0" eb="1">
      <t>エン</t>
    </rPh>
    <phoneticPr fontId="6"/>
  </si>
  <si>
    <t xml:space="preserve">※(c)＝(b)－自家消費相当額－余剰売電額 </t>
    <rPh sb="9" eb="11">
      <t>ジカ</t>
    </rPh>
    <rPh sb="11" eb="13">
      <t>ショウヒ</t>
    </rPh>
    <rPh sb="13" eb="15">
      <t>ソウトウ</t>
    </rPh>
    <rPh sb="15" eb="16">
      <t>ガク</t>
    </rPh>
    <rPh sb="17" eb="19">
      <t>ヨジョウ</t>
    </rPh>
    <rPh sb="19" eb="21">
      <t>バイデン</t>
    </rPh>
    <rPh sb="21" eb="22">
      <t>ガク</t>
    </rPh>
    <phoneticPr fontId="6"/>
  </si>
  <si>
    <t>（</t>
    <phoneticPr fontId="6"/>
  </si>
  <si>
    <t>建物の種類</t>
    <rPh sb="0" eb="2">
      <t>タテモノ</t>
    </rPh>
    <rPh sb="3" eb="5">
      <t>シュルイ</t>
    </rPh>
    <phoneticPr fontId="6"/>
  </si>
  <si>
    <t>URL</t>
    <phoneticPr fontId="6"/>
  </si>
  <si>
    <t>）</t>
    <phoneticPr fontId="6"/>
  </si>
  <si>
    <t>取扱容量</t>
    <rPh sb="0" eb="2">
      <t>トリアツカイ</t>
    </rPh>
    <rPh sb="2" eb="4">
      <t>ヨウリョウ</t>
    </rPh>
    <phoneticPr fontId="6"/>
  </si>
  <si>
    <t>様式５</t>
    <rPh sb="0" eb="2">
      <t>ヨウシキ</t>
    </rPh>
    <phoneticPr fontId="6"/>
  </si>
  <si>
    <t xml:space="preserve">　10　暴力団員による不当な行為の防止等に関する法律（平成３年法律第77号）第２条第２号
　　に規定する暴力団に該当しないこと。また、代表者及び役員が同法第２条第６号に規定す
　　る暴力団員に該当しないこと。 </t>
    <rPh sb="4" eb="6">
      <t>ボウリョク</t>
    </rPh>
    <rPh sb="6" eb="8">
      <t>ダンイン</t>
    </rPh>
    <rPh sb="11" eb="13">
      <t>フトウ</t>
    </rPh>
    <rPh sb="14" eb="16">
      <t>コウイ</t>
    </rPh>
    <rPh sb="17" eb="19">
      <t>ボウシ</t>
    </rPh>
    <rPh sb="19" eb="20">
      <t>トウ</t>
    </rPh>
    <rPh sb="21" eb="22">
      <t>カン</t>
    </rPh>
    <rPh sb="24" eb="26">
      <t>ホウリツ</t>
    </rPh>
    <rPh sb="27" eb="29">
      <t>ヘイセイ</t>
    </rPh>
    <rPh sb="30" eb="31">
      <t>ネン</t>
    </rPh>
    <rPh sb="31" eb="33">
      <t>ホウリツ</t>
    </rPh>
    <rPh sb="33" eb="34">
      <t>ダイ</t>
    </rPh>
    <rPh sb="36" eb="37">
      <t>ゴウ</t>
    </rPh>
    <rPh sb="38" eb="39">
      <t>ダイ</t>
    </rPh>
    <rPh sb="40" eb="41">
      <t>ジョウ</t>
    </rPh>
    <rPh sb="41" eb="42">
      <t>ダイ</t>
    </rPh>
    <rPh sb="43" eb="44">
      <t>ゴウ</t>
    </rPh>
    <rPh sb="48" eb="50">
      <t>キテイ</t>
    </rPh>
    <rPh sb="52" eb="55">
      <t>ボウリョクダン</t>
    </rPh>
    <rPh sb="56" eb="58">
      <t>ガイトウ</t>
    </rPh>
    <rPh sb="67" eb="70">
      <t>ダイヒョウシャ</t>
    </rPh>
    <rPh sb="70" eb="71">
      <t>オヨ</t>
    </rPh>
    <rPh sb="72" eb="74">
      <t>ヤクイン</t>
    </rPh>
    <rPh sb="75" eb="77">
      <t>ドウホウ</t>
    </rPh>
    <rPh sb="77" eb="78">
      <t>ダイ</t>
    </rPh>
    <rPh sb="79" eb="80">
      <t>ジョウ</t>
    </rPh>
    <rPh sb="80" eb="81">
      <t>ダイ</t>
    </rPh>
    <rPh sb="82" eb="83">
      <t>ゴウ</t>
    </rPh>
    <rPh sb="84" eb="86">
      <t>キテイ</t>
    </rPh>
    <rPh sb="91" eb="93">
      <t>ボウリョク</t>
    </rPh>
    <rPh sb="93" eb="95">
      <t>ダンイン</t>
    </rPh>
    <rPh sb="96" eb="98">
      <t>ガイトウ</t>
    </rPh>
    <phoneticPr fontId="19"/>
  </si>
  <si>
    <t xml:space="preserve">　３　次の申立てがなされていないこと。
</t>
    <phoneticPr fontId="19"/>
  </si>
  <si>
    <t>　　ア　破産法（平成16年法律第75号）第18条又は第19条の規定による破産手続開始の申立て</t>
    <rPh sb="8" eb="10">
      <t>ヘイセイ</t>
    </rPh>
    <rPh sb="12" eb="13">
      <t>ネン</t>
    </rPh>
    <rPh sb="13" eb="15">
      <t>ホウリツ</t>
    </rPh>
    <rPh sb="15" eb="16">
      <t>ダイ</t>
    </rPh>
    <rPh sb="18" eb="19">
      <t>ゴウ</t>
    </rPh>
    <phoneticPr fontId="19"/>
  </si>
  <si>
    <t>　　イ　会社更生法（平成14年法律第154号）第17条の規定による更生手続開始の申立て</t>
    <rPh sb="4" eb="6">
      <t>カイシャ</t>
    </rPh>
    <rPh sb="6" eb="9">
      <t>コウセイホウ</t>
    </rPh>
    <rPh sb="10" eb="12">
      <t>ヘイセイ</t>
    </rPh>
    <rPh sb="14" eb="15">
      <t>ネン</t>
    </rPh>
    <rPh sb="15" eb="17">
      <t>ホウリツ</t>
    </rPh>
    <rPh sb="17" eb="18">
      <t>ダイ</t>
    </rPh>
    <rPh sb="21" eb="22">
      <t>ゴウ</t>
    </rPh>
    <rPh sb="23" eb="24">
      <t>ダイ</t>
    </rPh>
    <rPh sb="26" eb="27">
      <t>ジョウ</t>
    </rPh>
    <rPh sb="28" eb="30">
      <t>キテイ</t>
    </rPh>
    <rPh sb="33" eb="35">
      <t>コウセイ</t>
    </rPh>
    <rPh sb="35" eb="37">
      <t>テツヅキ</t>
    </rPh>
    <rPh sb="37" eb="39">
      <t>カイシ</t>
    </rPh>
    <rPh sb="40" eb="42">
      <t>モウシタテ</t>
    </rPh>
    <phoneticPr fontId="19"/>
  </si>
  <si>
    <t>　　ウ　民事再生法（平成11年法律第225号）第21条の規定による再生手続開始の申立て</t>
    <rPh sb="4" eb="6">
      <t>ミンジ</t>
    </rPh>
    <rPh sb="6" eb="9">
      <t>サイセイホウ</t>
    </rPh>
    <rPh sb="10" eb="12">
      <t>ヘイセイ</t>
    </rPh>
    <rPh sb="14" eb="15">
      <t>ネン</t>
    </rPh>
    <rPh sb="15" eb="17">
      <t>ホウリツ</t>
    </rPh>
    <rPh sb="17" eb="18">
      <t>ダイ</t>
    </rPh>
    <rPh sb="21" eb="22">
      <t>ゴウ</t>
    </rPh>
    <rPh sb="23" eb="24">
      <t>ダイ</t>
    </rPh>
    <rPh sb="26" eb="27">
      <t>ジョウ</t>
    </rPh>
    <rPh sb="28" eb="30">
      <t>キテイ</t>
    </rPh>
    <rPh sb="33" eb="35">
      <t>サイセイ</t>
    </rPh>
    <rPh sb="35" eb="37">
      <t>テツヅ</t>
    </rPh>
    <rPh sb="37" eb="39">
      <t>カイシ</t>
    </rPh>
    <rPh sb="40" eb="42">
      <t>モウシタ</t>
    </rPh>
    <phoneticPr fontId="19"/>
  </si>
  <si>
    <t>　８　地方自治法施行令（昭和22年政令第16号）第167条の４の規定に該当する者でないこと。</t>
    <rPh sb="3" eb="5">
      <t>チホウ</t>
    </rPh>
    <rPh sb="5" eb="7">
      <t>ジチ</t>
    </rPh>
    <rPh sb="7" eb="8">
      <t>ホウ</t>
    </rPh>
    <rPh sb="8" eb="10">
      <t>セコウ</t>
    </rPh>
    <rPh sb="10" eb="11">
      <t>レイ</t>
    </rPh>
    <rPh sb="24" eb="25">
      <t>ダイ</t>
    </rPh>
    <rPh sb="28" eb="29">
      <t>ジョウ</t>
    </rPh>
    <rPh sb="32" eb="34">
      <t>キテイ</t>
    </rPh>
    <rPh sb="35" eb="37">
      <t>ガイトウ</t>
    </rPh>
    <rPh sb="39" eb="40">
      <t>モノ</t>
    </rPh>
    <phoneticPr fontId="19"/>
  </si>
  <si>
    <t>　11　上記各事項について、個々の事業者にも順守させること。</t>
    <rPh sb="4" eb="6">
      <t>ジョウキ</t>
    </rPh>
    <rPh sb="6" eb="7">
      <t>カク</t>
    </rPh>
    <rPh sb="7" eb="9">
      <t>ジコウ</t>
    </rPh>
    <rPh sb="14" eb="16">
      <t>ココ</t>
    </rPh>
    <rPh sb="17" eb="20">
      <t>ジギョウシャ</t>
    </rPh>
    <rPh sb="22" eb="24">
      <t>ジュンシュ</t>
    </rPh>
    <phoneticPr fontId="19"/>
  </si>
  <si>
    <t>設置プランの内容（事業所用０円ソーラー）</t>
    <rPh sb="0" eb="2">
      <t>セッチ</t>
    </rPh>
    <rPh sb="6" eb="8">
      <t>ナイヨウ</t>
    </rPh>
    <rPh sb="14" eb="15">
      <t>エン</t>
    </rPh>
    <phoneticPr fontId="6"/>
  </si>
  <si>
    <t>設置プランの内容（住宅用０円ソーラー）</t>
    <rPh sb="0" eb="2">
      <t>セッチ</t>
    </rPh>
    <rPh sb="6" eb="8">
      <t>ナイヨウ</t>
    </rPh>
    <rPh sb="9" eb="12">
      <t>ジュウタクヨウ</t>
    </rPh>
    <rPh sb="13" eb="14">
      <t>エン</t>
    </rPh>
    <phoneticPr fontId="6"/>
  </si>
  <si>
    <t>設置プランの内容(基本プラン、その他の特長のあるプラン)</t>
    <rPh sb="0" eb="2">
      <t>セッチ</t>
    </rPh>
    <rPh sb="6" eb="8">
      <t>ナイヨウ</t>
    </rPh>
    <rPh sb="9" eb="11">
      <t>キホン</t>
    </rPh>
    <rPh sb="17" eb="18">
      <t>タ</t>
    </rPh>
    <rPh sb="19" eb="21">
      <t>トクチョウ</t>
    </rPh>
    <phoneticPr fontId="6"/>
  </si>
  <si>
    <t>蓄電システム等の導入に関する制限</t>
    <rPh sb="0" eb="2">
      <t>チクデン</t>
    </rPh>
    <rPh sb="6" eb="7">
      <t>トウ</t>
    </rPh>
    <rPh sb="8" eb="10">
      <t>ドウニュウ</t>
    </rPh>
    <rPh sb="11" eb="12">
      <t>カン</t>
    </rPh>
    <rPh sb="14" eb="16">
      <t>セイゲン</t>
    </rPh>
    <phoneticPr fontId="6"/>
  </si>
  <si>
    <t>太陽光モジュールの主なメーカー</t>
    <rPh sb="0" eb="3">
      <t>タイヨウコウ</t>
    </rPh>
    <rPh sb="9" eb="10">
      <t>オモ</t>
    </rPh>
    <phoneticPr fontId="6"/>
  </si>
  <si>
    <t>様式７</t>
    <rPh sb="0" eb="2">
      <t>ヨウシキ</t>
    </rPh>
    <phoneticPr fontId="6"/>
  </si>
  <si>
    <t>様式８</t>
    <rPh sb="0" eb="2">
      <t>ヨウシキ</t>
    </rPh>
    <phoneticPr fontId="6"/>
  </si>
  <si>
    <t>様式９</t>
    <rPh sb="0" eb="2">
      <t>ヨウシキ</t>
    </rPh>
    <phoneticPr fontId="6"/>
  </si>
  <si>
    <t>太陽光発電導入前の月々の電気代　　　　　　(a)</t>
    <rPh sb="0" eb="3">
      <t>タイヨウコウ</t>
    </rPh>
    <rPh sb="3" eb="5">
      <t>ハツデン</t>
    </rPh>
    <rPh sb="5" eb="7">
      <t>ドウニュウ</t>
    </rPh>
    <rPh sb="7" eb="8">
      <t>マエ</t>
    </rPh>
    <rPh sb="9" eb="11">
      <t>ツキヅキ</t>
    </rPh>
    <rPh sb="12" eb="15">
      <t>デンキダイ</t>
    </rPh>
    <phoneticPr fontId="6"/>
  </si>
  <si>
    <t>太陽光発電導入後の月々の電気代　　　　　　(b)</t>
    <rPh sb="0" eb="3">
      <t>タイヨウコウ</t>
    </rPh>
    <rPh sb="3" eb="5">
      <t>ハツデン</t>
    </rPh>
    <rPh sb="5" eb="7">
      <t>ドウニュウ</t>
    </rPh>
    <rPh sb="7" eb="8">
      <t>ゴ</t>
    </rPh>
    <rPh sb="9" eb="11">
      <t>ツキヅキ</t>
    </rPh>
    <rPh sb="12" eb="15">
      <t>デンキダイ</t>
    </rPh>
    <phoneticPr fontId="6"/>
  </si>
  <si>
    <t>太陽光発電導入前の月々の電気料金　　　　　　(b)</t>
    <rPh sb="0" eb="3">
      <t>タイヨウコウ</t>
    </rPh>
    <rPh sb="3" eb="5">
      <t>ハツデン</t>
    </rPh>
    <rPh sb="5" eb="7">
      <t>ドウニュウ</t>
    </rPh>
    <rPh sb="7" eb="8">
      <t>マエ</t>
    </rPh>
    <rPh sb="9" eb="11">
      <t>ツキヅキ</t>
    </rPh>
    <rPh sb="12" eb="14">
      <t>デンキ</t>
    </rPh>
    <rPh sb="14" eb="16">
      <t>リョウキン</t>
    </rPh>
    <phoneticPr fontId="6"/>
  </si>
  <si>
    <t>太陽光発電導入後の月々の電気料金　　　　　　(c)</t>
    <rPh sb="0" eb="3">
      <t>タイヨウコウ</t>
    </rPh>
    <rPh sb="3" eb="5">
      <t>ハツデン</t>
    </rPh>
    <rPh sb="5" eb="7">
      <t>ドウニュウ</t>
    </rPh>
    <rPh sb="7" eb="8">
      <t>ゴ</t>
    </rPh>
    <rPh sb="9" eb="11">
      <t>ツキヅキ</t>
    </rPh>
    <rPh sb="12" eb="14">
      <t>デンキ</t>
    </rPh>
    <rPh sb="14" eb="16">
      <t>リョウキン</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yyyy&quot;年&quot;m&quot;月&quot;d&quot;日&quot;;@"/>
    <numFmt numFmtId="177" formatCode="[$-411]ggge&quot;年&quot;m&quot;月&quot;d&quot;日&quot;;@"/>
    <numFmt numFmtId="178" formatCode="&quot;(&quot;#&quot;プラン)&quot;"/>
    <numFmt numFmtId="179" formatCode="#,##0_ "/>
    <numFmt numFmtId="180" formatCode="#,##0_);[Red]\(#,##0\)"/>
  </numFmts>
  <fonts count="37">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color theme="1"/>
      <name val="ＭＳ Ｐゴシック"/>
      <family val="2"/>
      <charset val="128"/>
      <scheme val="minor"/>
    </font>
    <font>
      <sz val="6"/>
      <name val="ＭＳ Ｐゴシック"/>
      <family val="3"/>
      <charset val="128"/>
    </font>
    <font>
      <sz val="10"/>
      <name val="ＭＳ 明朝"/>
      <family val="1"/>
      <charset val="128"/>
    </font>
    <font>
      <sz val="11"/>
      <name val="ＭＳ 明朝"/>
      <family val="1"/>
      <charset val="128"/>
    </font>
    <font>
      <b/>
      <sz val="11"/>
      <name val="ＭＳ ゴシック"/>
      <family val="3"/>
      <charset val="128"/>
    </font>
    <font>
      <sz val="9"/>
      <name val="ＭＳ 明朝"/>
      <family val="1"/>
      <charset val="128"/>
    </font>
    <font>
      <sz val="11"/>
      <name val="ＭＳ Ｐゴシック"/>
      <family val="3"/>
      <charset val="128"/>
    </font>
    <font>
      <sz val="11"/>
      <color theme="1"/>
      <name val="ＭＳ Ｐゴシック"/>
      <family val="3"/>
      <charset val="128"/>
      <scheme val="minor"/>
    </font>
    <font>
      <sz val="12"/>
      <name val="Arial Unicode MS"/>
      <family val="3"/>
      <charset val="128"/>
    </font>
    <font>
      <sz val="16"/>
      <color theme="1"/>
      <name val="ＭＳ ゴシック"/>
      <family val="3"/>
      <charset val="128"/>
    </font>
    <font>
      <sz val="11"/>
      <name val="ＭＳ Ｐ明朝"/>
      <family val="1"/>
      <charset val="128"/>
    </font>
    <font>
      <sz val="6"/>
      <name val="ＭＳ Ｐゴシック"/>
      <family val="2"/>
      <charset val="128"/>
      <scheme val="minor"/>
    </font>
    <font>
      <sz val="12"/>
      <name val="ＭＳ 明朝"/>
      <family val="1"/>
      <charset val="128"/>
    </font>
    <font>
      <sz val="14"/>
      <name val="ＭＳ 明朝"/>
      <family val="1"/>
      <charset val="128"/>
    </font>
    <font>
      <sz val="6"/>
      <name val="ＭＳ 明朝"/>
      <family val="1"/>
      <charset val="128"/>
    </font>
    <font>
      <sz val="18"/>
      <name val="ＭＳ 明朝"/>
      <family val="1"/>
      <charset val="128"/>
    </font>
    <font>
      <b/>
      <u/>
      <sz val="11"/>
      <name val="ＭＳ Ｐ明朝"/>
      <family val="1"/>
      <charset val="128"/>
    </font>
    <font>
      <sz val="10.5"/>
      <name val="ＭＳ Ｐ明朝"/>
      <family val="1"/>
      <charset val="128"/>
    </font>
    <font>
      <sz val="12"/>
      <name val="ＭＳ Ｐ明朝"/>
      <family val="1"/>
      <charset val="128"/>
    </font>
    <font>
      <sz val="11"/>
      <name val="ＭＳ Ｐゴシック"/>
      <family val="3"/>
      <charset val="128"/>
      <scheme val="minor"/>
    </font>
    <font>
      <sz val="10"/>
      <name val="ＭＳ Ｐ明朝"/>
      <family val="1"/>
      <charset val="128"/>
    </font>
    <font>
      <b/>
      <sz val="11"/>
      <name val="ＭＳ Ｐ明朝"/>
      <family val="1"/>
      <charset val="128"/>
    </font>
    <font>
      <sz val="11"/>
      <color theme="1"/>
      <name val="ＭＳ 明朝"/>
      <family val="2"/>
      <charset val="128"/>
    </font>
    <font>
      <sz val="8"/>
      <name val="ＭＳ 明朝"/>
      <family val="1"/>
      <charset val="128"/>
    </font>
    <font>
      <sz val="6"/>
      <name val="ＭＳ 明朝"/>
      <family val="2"/>
      <charset val="128"/>
    </font>
    <font>
      <b/>
      <sz val="12"/>
      <color indexed="9"/>
      <name val="ＭＳ ゴシック"/>
      <family val="3"/>
      <charset val="128"/>
    </font>
    <font>
      <sz val="11"/>
      <color theme="1"/>
      <name val="ＭＳ 明朝"/>
      <family val="1"/>
      <charset val="128"/>
    </font>
    <font>
      <b/>
      <sz val="12"/>
      <color indexed="10"/>
      <name val="ＭＳ 明朝"/>
      <family val="1"/>
      <charset val="128"/>
    </font>
    <font>
      <sz val="12"/>
      <color indexed="9"/>
      <name val="ＭＳ 明朝"/>
      <family val="1"/>
      <charset val="128"/>
    </font>
    <font>
      <sz val="16"/>
      <name val="ＭＳ 明朝"/>
      <family val="1"/>
      <charset val="128"/>
    </font>
    <font>
      <u/>
      <sz val="11"/>
      <color theme="10"/>
      <name val="ＭＳ Ｐゴシック"/>
      <family val="3"/>
      <charset val="128"/>
    </font>
    <font>
      <strike/>
      <sz val="10"/>
      <color rgb="FFFF0000"/>
      <name val="ＭＳ 明朝"/>
      <family val="1"/>
      <charset val="128"/>
    </font>
  </fonts>
  <fills count="6">
    <fill>
      <patternFill patternType="none"/>
    </fill>
    <fill>
      <patternFill patternType="gray125"/>
    </fill>
    <fill>
      <patternFill patternType="solid">
        <fgColor rgb="FFCCFFFF"/>
        <bgColor indexed="64"/>
      </patternFill>
    </fill>
    <fill>
      <patternFill patternType="solid">
        <fgColor rgb="FFFFFF66"/>
        <bgColor indexed="64"/>
      </patternFill>
    </fill>
    <fill>
      <patternFill patternType="solid">
        <fgColor theme="0"/>
        <bgColor indexed="64"/>
      </patternFill>
    </fill>
    <fill>
      <patternFill patternType="solid">
        <fgColor rgb="FFFFFF99"/>
        <bgColor indexed="64"/>
      </patternFill>
    </fill>
  </fills>
  <borders count="30">
    <border>
      <left/>
      <right/>
      <top/>
      <bottom/>
      <diagonal/>
    </border>
    <border>
      <left/>
      <right/>
      <top style="thin">
        <color indexed="64"/>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diagonal/>
    </border>
    <border>
      <left style="medium">
        <color indexed="29"/>
      </left>
      <right/>
      <top style="medium">
        <color indexed="29"/>
      </top>
      <bottom/>
      <diagonal/>
    </border>
    <border>
      <left/>
      <right style="medium">
        <color indexed="29"/>
      </right>
      <top style="medium">
        <color indexed="29"/>
      </top>
      <bottom/>
      <diagonal/>
    </border>
    <border>
      <left style="medium">
        <color indexed="29"/>
      </left>
      <right/>
      <top/>
      <bottom/>
      <diagonal/>
    </border>
    <border>
      <left/>
      <right style="medium">
        <color indexed="29"/>
      </right>
      <top/>
      <bottom/>
      <diagonal/>
    </border>
    <border>
      <left/>
      <right/>
      <top style="medium">
        <color indexed="29"/>
      </top>
      <bottom/>
      <diagonal/>
    </border>
    <border>
      <left/>
      <right style="medium">
        <color rgb="FFFF8080"/>
      </right>
      <top/>
      <bottom/>
      <diagonal/>
    </border>
    <border>
      <left style="medium">
        <color indexed="29"/>
      </left>
      <right/>
      <top/>
      <bottom style="medium">
        <color indexed="29"/>
      </bottom>
      <diagonal/>
    </border>
    <border>
      <left/>
      <right/>
      <top/>
      <bottom style="medium">
        <color indexed="29"/>
      </bottom>
      <diagonal/>
    </border>
    <border>
      <left/>
      <right style="medium">
        <color rgb="FFFF8080"/>
      </right>
      <top/>
      <bottom style="medium">
        <color indexed="29"/>
      </bottom>
      <diagonal/>
    </border>
    <border>
      <left/>
      <right style="medium">
        <color indexed="29"/>
      </right>
      <top/>
      <bottom style="medium">
        <color indexed="29"/>
      </bottom>
      <diagonal/>
    </border>
  </borders>
  <cellStyleXfs count="13">
    <xf numFmtId="0" fontId="0" fillId="0" borderId="0">
      <alignment vertical="center"/>
    </xf>
    <xf numFmtId="0" fontId="12" fillId="0" borderId="0">
      <alignment vertical="center"/>
    </xf>
    <xf numFmtId="38" fontId="11" fillId="0" borderId="0" applyFont="0" applyFill="0" applyBorder="0" applyAlignment="0" applyProtection="0">
      <alignment vertical="center"/>
    </xf>
    <xf numFmtId="0" fontId="12" fillId="0" borderId="0">
      <alignment vertical="center"/>
    </xf>
    <xf numFmtId="0" fontId="13" fillId="0" borderId="0"/>
    <xf numFmtId="0" fontId="14" fillId="0" borderId="0">
      <alignment vertical="center"/>
    </xf>
    <xf numFmtId="0" fontId="5" fillId="0" borderId="0">
      <alignment vertical="center"/>
    </xf>
    <xf numFmtId="0" fontId="11" fillId="0" borderId="0">
      <alignment vertical="center"/>
    </xf>
    <xf numFmtId="0" fontId="17" fillId="0" borderId="0">
      <alignment vertical="center"/>
    </xf>
    <xf numFmtId="0" fontId="4" fillId="0" borderId="0">
      <alignment vertical="center"/>
    </xf>
    <xf numFmtId="0" fontId="17" fillId="0" borderId="0">
      <alignment vertical="center"/>
    </xf>
    <xf numFmtId="0" fontId="11" fillId="0" borderId="0"/>
    <xf numFmtId="0" fontId="35" fillId="0" borderId="0" applyNumberFormat="0" applyFill="0" applyBorder="0" applyAlignment="0" applyProtection="0">
      <alignment vertical="center"/>
    </xf>
  </cellStyleXfs>
  <cellXfs count="384">
    <xf numFmtId="0" fontId="0" fillId="0" borderId="0" xfId="0">
      <alignment vertical="center"/>
    </xf>
    <xf numFmtId="0" fontId="8" fillId="0" borderId="0" xfId="0" applyFont="1">
      <alignment vertical="center"/>
    </xf>
    <xf numFmtId="0" fontId="8" fillId="0" borderId="11" xfId="0" applyFont="1" applyBorder="1">
      <alignment vertical="center"/>
    </xf>
    <xf numFmtId="0" fontId="8" fillId="0" borderId="4" xfId="0" applyFont="1" applyBorder="1">
      <alignment vertical="center"/>
    </xf>
    <xf numFmtId="0" fontId="8" fillId="0" borderId="6" xfId="0" applyFont="1" applyBorder="1">
      <alignment vertical="center"/>
    </xf>
    <xf numFmtId="0" fontId="8" fillId="0" borderId="0" xfId="0" applyFont="1" applyBorder="1">
      <alignment vertical="center"/>
    </xf>
    <xf numFmtId="0" fontId="8" fillId="0" borderId="12" xfId="0" applyFont="1" applyBorder="1">
      <alignment vertical="center"/>
    </xf>
    <xf numFmtId="0" fontId="9" fillId="0" borderId="0" xfId="0" applyFont="1">
      <alignment vertical="center"/>
    </xf>
    <xf numFmtId="0" fontId="9" fillId="2" borderId="9" xfId="0" applyFont="1" applyFill="1" applyBorder="1">
      <alignment vertical="center"/>
    </xf>
    <xf numFmtId="0" fontId="9" fillId="2" borderId="8" xfId="0" applyFont="1" applyFill="1" applyBorder="1">
      <alignment vertical="center"/>
    </xf>
    <xf numFmtId="0" fontId="9" fillId="2" borderId="7" xfId="0" applyFont="1" applyFill="1" applyBorder="1">
      <alignment vertical="center"/>
    </xf>
    <xf numFmtId="0" fontId="9" fillId="2" borderId="3" xfId="0" applyFont="1" applyFill="1" applyBorder="1">
      <alignment vertical="center"/>
    </xf>
    <xf numFmtId="0" fontId="9" fillId="2" borderId="2" xfId="0" applyFont="1" applyFill="1" applyBorder="1">
      <alignment vertical="center"/>
    </xf>
    <xf numFmtId="0" fontId="9" fillId="2" borderId="1" xfId="0" applyFont="1" applyFill="1" applyBorder="1">
      <alignment vertical="center"/>
    </xf>
    <xf numFmtId="0" fontId="9" fillId="2" borderId="5" xfId="0" applyFont="1" applyFill="1" applyBorder="1">
      <alignment vertical="center"/>
    </xf>
    <xf numFmtId="0" fontId="10" fillId="0" borderId="16" xfId="0" applyFont="1" applyBorder="1" applyAlignment="1">
      <alignment horizontal="left" vertical="center" wrapText="1"/>
    </xf>
    <xf numFmtId="0" fontId="7" fillId="0" borderId="18" xfId="0" applyFont="1" applyBorder="1" applyAlignment="1">
      <alignment horizontal="left" vertical="center" wrapText="1"/>
    </xf>
    <xf numFmtId="0" fontId="15" fillId="0" borderId="0" xfId="1" applyFont="1" applyBorder="1">
      <alignment vertical="center"/>
    </xf>
    <xf numFmtId="0" fontId="7" fillId="0" borderId="18" xfId="0" applyFont="1" applyBorder="1" applyAlignment="1">
      <alignment horizontal="center" vertical="center" wrapText="1"/>
    </xf>
    <xf numFmtId="0" fontId="8" fillId="0" borderId="0" xfId="0" applyFont="1" applyBorder="1" applyAlignment="1">
      <alignment horizontal="center" vertical="center"/>
    </xf>
    <xf numFmtId="0" fontId="8" fillId="3" borderId="9" xfId="0" applyFont="1" applyFill="1" applyBorder="1" applyAlignment="1" applyProtection="1">
      <alignment horizontal="center" vertical="center"/>
    </xf>
    <xf numFmtId="0" fontId="7" fillId="3" borderId="9" xfId="0" applyFont="1" applyFill="1" applyBorder="1" applyAlignment="1" applyProtection="1">
      <alignment vertical="center" wrapText="1"/>
      <protection locked="0"/>
    </xf>
    <xf numFmtId="0" fontId="8" fillId="3" borderId="0" xfId="0" applyFont="1" applyFill="1">
      <alignment vertical="center"/>
    </xf>
    <xf numFmtId="0" fontId="8" fillId="0" borderId="0" xfId="0" applyFont="1" applyAlignment="1">
      <alignment horizontal="center" vertical="center"/>
    </xf>
    <xf numFmtId="0" fontId="8" fillId="0" borderId="3" xfId="0" applyFont="1" applyFill="1" applyBorder="1" applyAlignment="1" applyProtection="1">
      <alignment vertical="center"/>
      <protection locked="0"/>
    </xf>
    <xf numFmtId="0" fontId="8" fillId="0" borderId="3" xfId="0" applyFont="1" applyBorder="1" applyAlignment="1">
      <alignment vertical="center"/>
    </xf>
    <xf numFmtId="0" fontId="8" fillId="0" borderId="2" xfId="0" applyFont="1" applyBorder="1" applyAlignment="1">
      <alignment vertical="center"/>
    </xf>
    <xf numFmtId="0" fontId="8" fillId="0" borderId="0" xfId="0" applyFont="1" applyFill="1" applyBorder="1" applyAlignment="1" applyProtection="1">
      <alignment vertical="center"/>
      <protection locked="0"/>
    </xf>
    <xf numFmtId="0" fontId="8" fillId="0" borderId="0" xfId="0" applyFont="1" applyBorder="1" applyAlignment="1">
      <alignment vertical="center"/>
    </xf>
    <xf numFmtId="0" fontId="8" fillId="0" borderId="10" xfId="0" applyFont="1" applyBorder="1" applyAlignment="1">
      <alignment vertical="center"/>
    </xf>
    <xf numFmtId="0" fontId="8" fillId="0" borderId="4" xfId="0" applyFont="1" applyFill="1" applyBorder="1" applyAlignment="1" applyProtection="1">
      <alignment vertical="center"/>
      <protection locked="0"/>
    </xf>
    <xf numFmtId="0" fontId="8" fillId="0" borderId="10" xfId="0" applyFont="1" applyBorder="1" applyAlignment="1">
      <alignment horizontal="center" vertical="center"/>
    </xf>
    <xf numFmtId="0" fontId="8" fillId="0" borderId="9" xfId="0" applyFont="1" applyBorder="1">
      <alignment vertical="center"/>
    </xf>
    <xf numFmtId="0" fontId="8" fillId="0" borderId="3" xfId="0" applyFont="1" applyBorder="1" applyAlignment="1">
      <alignment horizontal="left" vertical="center"/>
    </xf>
    <xf numFmtId="0" fontId="8" fillId="0" borderId="0" xfId="0" applyFont="1" applyFill="1" applyBorder="1" applyAlignment="1">
      <alignment horizontal="right" vertical="center"/>
    </xf>
    <xf numFmtId="0" fontId="8" fillId="0" borderId="4" xfId="0" applyFont="1" applyBorder="1" applyAlignment="1">
      <alignment horizontal="left" vertical="center"/>
    </xf>
    <xf numFmtId="0" fontId="7" fillId="0" borderId="16" xfId="0" applyFont="1" applyBorder="1" applyAlignment="1">
      <alignment horizontal="center" vertical="center" wrapText="1"/>
    </xf>
    <xf numFmtId="0" fontId="8" fillId="0" borderId="0" xfId="0" applyFont="1" applyBorder="1" applyAlignment="1">
      <alignment vertical="center" wrapText="1"/>
    </xf>
    <xf numFmtId="0" fontId="8" fillId="0" borderId="12" xfId="0" applyFont="1" applyFill="1" applyBorder="1">
      <alignment vertical="center"/>
    </xf>
    <xf numFmtId="0" fontId="17" fillId="0" borderId="0" xfId="8" applyAlignment="1">
      <alignment vertical="center"/>
    </xf>
    <xf numFmtId="0" fontId="17" fillId="0" borderId="0" xfId="8" applyAlignment="1">
      <alignment horizontal="right" vertical="center"/>
    </xf>
    <xf numFmtId="0" fontId="8" fillId="0" borderId="4" xfId="0" applyFont="1" applyFill="1" applyBorder="1">
      <alignment vertical="center"/>
    </xf>
    <xf numFmtId="0" fontId="8" fillId="0" borderId="3" xfId="0" applyFont="1" applyBorder="1" applyAlignment="1">
      <alignment horizontal="center" vertical="center"/>
    </xf>
    <xf numFmtId="0" fontId="8" fillId="0" borderId="5" xfId="0" applyFont="1" applyBorder="1" applyAlignment="1">
      <alignment vertical="center"/>
    </xf>
    <xf numFmtId="0" fontId="8" fillId="0" borderId="6" xfId="0" applyFont="1" applyFill="1" applyBorder="1">
      <alignment vertical="center"/>
    </xf>
    <xf numFmtId="0" fontId="8" fillId="0" borderId="9" xfId="0" applyFont="1" applyFill="1" applyBorder="1">
      <alignment vertical="center"/>
    </xf>
    <xf numFmtId="0" fontId="7" fillId="0" borderId="8" xfId="0" applyFont="1" applyBorder="1" applyAlignment="1">
      <alignment horizontal="left" vertical="center" wrapText="1"/>
    </xf>
    <xf numFmtId="0" fontId="7" fillId="0" borderId="16" xfId="0" applyFont="1" applyBorder="1" applyAlignment="1">
      <alignment horizontal="left" vertical="center" wrapText="1"/>
    </xf>
    <xf numFmtId="0" fontId="8" fillId="0" borderId="7" xfId="0" applyFont="1" applyBorder="1" applyAlignment="1">
      <alignment horizontal="center" vertical="center"/>
    </xf>
    <xf numFmtId="0" fontId="7" fillId="0" borderId="8" xfId="0" applyFont="1" applyBorder="1" applyAlignment="1">
      <alignment vertical="center" wrapText="1"/>
    </xf>
    <xf numFmtId="0" fontId="7" fillId="0" borderId="8" xfId="0" applyFont="1" applyBorder="1" applyAlignment="1">
      <alignment horizontal="center" vertical="center" wrapText="1"/>
    </xf>
    <xf numFmtId="0" fontId="7" fillId="0" borderId="7" xfId="0" applyFont="1" applyBorder="1" applyAlignment="1">
      <alignment horizontal="center" vertical="center" wrapText="1"/>
    </xf>
    <xf numFmtId="0" fontId="8" fillId="3" borderId="9" xfId="0" applyFont="1" applyFill="1" applyBorder="1" applyAlignment="1" applyProtection="1">
      <alignment horizontal="center" vertical="center"/>
      <protection locked="0"/>
    </xf>
    <xf numFmtId="0" fontId="8" fillId="0" borderId="8" xfId="0" applyFont="1" applyBorder="1" applyAlignment="1">
      <alignment vertical="center"/>
    </xf>
    <xf numFmtId="0" fontId="8" fillId="0" borderId="7" xfId="0" applyFont="1" applyBorder="1" applyAlignment="1">
      <alignment vertical="center"/>
    </xf>
    <xf numFmtId="0" fontId="15" fillId="0" borderId="0" xfId="1" applyFont="1">
      <alignment vertical="center"/>
    </xf>
    <xf numFmtId="0" fontId="15" fillId="0" borderId="0" xfId="1" applyFont="1" applyAlignment="1">
      <alignment horizontal="center" vertical="center"/>
    </xf>
    <xf numFmtId="0" fontId="15" fillId="0" borderId="0" xfId="1" applyFont="1" applyBorder="1" applyAlignment="1">
      <alignment horizontal="left" vertical="center"/>
    </xf>
    <xf numFmtId="176" fontId="15" fillId="0" borderId="0" xfId="1" applyNumberFormat="1" applyFont="1" applyBorder="1" applyAlignment="1">
      <alignment vertical="center"/>
    </xf>
    <xf numFmtId="0" fontId="15" fillId="0" borderId="0" xfId="1" applyFont="1" applyBorder="1" applyAlignment="1">
      <alignment horizontal="center" vertical="center"/>
    </xf>
    <xf numFmtId="0" fontId="15" fillId="0" borderId="0" xfId="1" applyFont="1" applyBorder="1" applyProtection="1">
      <alignment vertical="center"/>
    </xf>
    <xf numFmtId="0" fontId="15" fillId="0" borderId="0" xfId="1" applyFont="1" applyFill="1" applyBorder="1" applyAlignment="1" applyProtection="1">
      <alignment vertical="center"/>
    </xf>
    <xf numFmtId="0" fontId="15" fillId="0" borderId="0" xfId="1" applyFont="1" applyFill="1" applyBorder="1" applyAlignment="1" applyProtection="1">
      <alignment vertical="center"/>
      <protection locked="0"/>
    </xf>
    <xf numFmtId="0" fontId="15" fillId="3" borderId="0" xfId="1" applyFont="1" applyFill="1" applyBorder="1" applyAlignment="1" applyProtection="1">
      <alignment vertical="center"/>
      <protection locked="0"/>
    </xf>
    <xf numFmtId="0" fontId="15" fillId="0" borderId="0" xfId="1" applyFont="1" applyFill="1" applyBorder="1" applyAlignment="1" applyProtection="1">
      <alignment horizontal="center" vertical="center"/>
    </xf>
    <xf numFmtId="0" fontId="15" fillId="3" borderId="0" xfId="1" applyFont="1" applyFill="1" applyBorder="1" applyAlignment="1" applyProtection="1">
      <alignment horizontal="center" vertical="center" shrinkToFit="1"/>
      <protection locked="0"/>
    </xf>
    <xf numFmtId="176" fontId="15" fillId="0" borderId="0" xfId="1" applyNumberFormat="1" applyFont="1" applyBorder="1" applyAlignment="1">
      <alignment horizontal="center" vertical="center"/>
    </xf>
    <xf numFmtId="0" fontId="21" fillId="0" borderId="0" xfId="1" applyFont="1">
      <alignment vertical="center"/>
    </xf>
    <xf numFmtId="0" fontId="15" fillId="0" borderId="0" xfId="1" applyFont="1" applyFill="1" applyBorder="1" applyAlignment="1" applyProtection="1">
      <alignment horizontal="center" vertical="center"/>
      <protection locked="0"/>
    </xf>
    <xf numFmtId="176" fontId="15" fillId="0" borderId="0" xfId="1" applyNumberFormat="1" applyFont="1" applyFill="1" applyBorder="1" applyAlignment="1">
      <alignment horizontal="center" vertical="center"/>
    </xf>
    <xf numFmtId="0" fontId="15" fillId="0" borderId="0" xfId="1" applyFont="1" applyFill="1" applyBorder="1" applyAlignment="1" applyProtection="1">
      <alignment horizontal="right" vertical="center"/>
    </xf>
    <xf numFmtId="0" fontId="15" fillId="3" borderId="16" xfId="6" applyFont="1" applyFill="1" applyBorder="1">
      <alignment vertical="center"/>
    </xf>
    <xf numFmtId="0" fontId="15" fillId="0" borderId="0" xfId="6" applyFont="1">
      <alignment vertical="center"/>
    </xf>
    <xf numFmtId="0" fontId="15" fillId="0" borderId="0" xfId="1" applyFont="1" applyBorder="1" applyAlignment="1">
      <alignment vertical="center"/>
    </xf>
    <xf numFmtId="0" fontId="15" fillId="0" borderId="0" xfId="1" applyFont="1" applyBorder="1" applyAlignment="1">
      <alignment vertical="center" wrapText="1"/>
    </xf>
    <xf numFmtId="0" fontId="22" fillId="0" borderId="0" xfId="1" applyFont="1" applyBorder="1" applyAlignment="1">
      <alignment vertical="center" wrapText="1"/>
    </xf>
    <xf numFmtId="0" fontId="15" fillId="3" borderId="0" xfId="1" applyFont="1" applyFill="1" applyAlignment="1">
      <alignment vertical="center" shrinkToFit="1"/>
    </xf>
    <xf numFmtId="0" fontId="15" fillId="0" borderId="6" xfId="1" applyFont="1" applyBorder="1" applyAlignment="1">
      <alignment horizontal="center" vertical="center"/>
    </xf>
    <xf numFmtId="0" fontId="15" fillId="0" borderId="6" xfId="1" applyFont="1" applyBorder="1">
      <alignment vertical="center"/>
    </xf>
    <xf numFmtId="0" fontId="15" fillId="0" borderId="1" xfId="1" applyFont="1" applyBorder="1">
      <alignment vertical="center"/>
    </xf>
    <xf numFmtId="0" fontId="15" fillId="0" borderId="1" xfId="1" applyFont="1" applyFill="1" applyBorder="1" applyAlignment="1" applyProtection="1">
      <alignment vertical="center"/>
    </xf>
    <xf numFmtId="0" fontId="15" fillId="0" borderId="5" xfId="1" applyFont="1" applyBorder="1" applyAlignment="1">
      <alignment horizontal="center" vertical="center"/>
    </xf>
    <xf numFmtId="0" fontId="15" fillId="0" borderId="12" xfId="1" applyFont="1" applyBorder="1">
      <alignment vertical="center"/>
    </xf>
    <xf numFmtId="0" fontId="15" fillId="0" borderId="0" xfId="1" applyFont="1" applyFill="1" applyBorder="1" applyProtection="1">
      <alignment vertical="center"/>
    </xf>
    <xf numFmtId="0" fontId="15" fillId="0" borderId="10" xfId="1" applyFont="1" applyBorder="1" applyAlignment="1">
      <alignment horizontal="center" vertical="center"/>
    </xf>
    <xf numFmtId="0" fontId="15" fillId="0" borderId="0" xfId="1" applyFont="1" applyFill="1" applyBorder="1" applyAlignment="1" applyProtection="1">
      <alignment vertical="center" shrinkToFit="1"/>
    </xf>
    <xf numFmtId="0" fontId="11" fillId="0" borderId="0" xfId="1" applyFont="1" applyFill="1" applyBorder="1" applyAlignment="1">
      <alignment horizontal="center" vertical="center" textRotation="255" shrinkToFit="1"/>
    </xf>
    <xf numFmtId="0" fontId="26" fillId="0" borderId="0" xfId="1" applyFont="1" applyAlignment="1">
      <alignment vertical="top"/>
    </xf>
    <xf numFmtId="0" fontId="15" fillId="0" borderId="0" xfId="1" applyFont="1" applyAlignment="1">
      <alignment horizontal="right" vertical="center"/>
    </xf>
    <xf numFmtId="0" fontId="7" fillId="0" borderId="5" xfId="0" applyFont="1" applyBorder="1" applyAlignment="1">
      <alignment horizontal="left" vertical="center" wrapText="1"/>
    </xf>
    <xf numFmtId="0" fontId="7" fillId="0" borderId="7" xfId="0" applyFont="1" applyBorder="1" applyAlignment="1">
      <alignment horizontal="left" vertical="center" wrapText="1"/>
    </xf>
    <xf numFmtId="0" fontId="4" fillId="0" borderId="0" xfId="9" applyAlignment="1">
      <alignment vertical="center"/>
    </xf>
    <xf numFmtId="49" fontId="4" fillId="0" borderId="0" xfId="9" applyNumberFormat="1" applyAlignment="1">
      <alignment horizontal="right" vertical="center"/>
    </xf>
    <xf numFmtId="0" fontId="27" fillId="0" borderId="0" xfId="9" applyFont="1" applyAlignment="1">
      <alignment vertical="center"/>
    </xf>
    <xf numFmtId="0" fontId="20" fillId="0" borderId="0" xfId="9" applyFont="1" applyAlignment="1">
      <alignment horizontal="center" vertical="center"/>
    </xf>
    <xf numFmtId="49" fontId="4" fillId="0" borderId="0" xfId="9" applyNumberFormat="1" applyBorder="1" applyAlignment="1">
      <alignment horizontal="center" vertical="center"/>
    </xf>
    <xf numFmtId="0" fontId="18" fillId="0" borderId="0" xfId="9" applyFont="1" applyAlignment="1">
      <alignment horizontal="center" vertical="center" shrinkToFit="1"/>
    </xf>
    <xf numFmtId="0" fontId="4" fillId="0" borderId="0" xfId="9" applyAlignment="1">
      <alignment vertical="center" shrinkToFit="1"/>
    </xf>
    <xf numFmtId="49" fontId="4" fillId="0" borderId="22" xfId="9" applyNumberFormat="1" applyBorder="1" applyAlignment="1">
      <alignment horizontal="center" vertical="center"/>
    </xf>
    <xf numFmtId="49" fontId="27" fillId="0" borderId="23" xfId="9" applyNumberFormat="1" applyFont="1" applyBorder="1" applyAlignment="1">
      <alignment horizontal="center" vertical="center"/>
    </xf>
    <xf numFmtId="49" fontId="4" fillId="0" borderId="22" xfId="9" applyNumberFormat="1" applyBorder="1" applyAlignment="1">
      <alignment horizontal="right" vertical="center"/>
    </xf>
    <xf numFmtId="0" fontId="27" fillId="0" borderId="23" xfId="9" applyFont="1" applyBorder="1" applyAlignment="1">
      <alignment vertical="center"/>
    </xf>
    <xf numFmtId="0" fontId="4" fillId="0" borderId="0" xfId="9" applyAlignment="1">
      <alignment horizontal="center" vertical="center"/>
    </xf>
    <xf numFmtId="0" fontId="28" fillId="0" borderId="0" xfId="9" applyFont="1" applyAlignment="1">
      <alignment horizontal="center" vertical="center"/>
    </xf>
    <xf numFmtId="0" fontId="4" fillId="0" borderId="0" xfId="9" applyBorder="1" applyAlignment="1">
      <alignment horizontal="center" vertical="center"/>
    </xf>
    <xf numFmtId="178" fontId="4" fillId="0" borderId="0" xfId="9" applyNumberFormat="1" applyAlignment="1">
      <alignment horizontal="left" vertical="center"/>
    </xf>
    <xf numFmtId="0" fontId="4" fillId="0" borderId="0" xfId="9" applyNumberFormat="1" applyAlignment="1">
      <alignment vertical="center"/>
    </xf>
    <xf numFmtId="0" fontId="30" fillId="0" borderId="0" xfId="9" applyFont="1" applyBorder="1" applyAlignment="1">
      <alignment horizontal="center" vertical="center"/>
    </xf>
    <xf numFmtId="0" fontId="27" fillId="0" borderId="23" xfId="9" applyFont="1" applyBorder="1" applyAlignment="1">
      <alignment vertical="center" wrapText="1"/>
    </xf>
    <xf numFmtId="0" fontId="4" fillId="0" borderId="0" xfId="9" applyNumberFormat="1" applyBorder="1" applyAlignment="1">
      <alignment vertical="center"/>
    </xf>
    <xf numFmtId="49" fontId="4" fillId="0" borderId="0" xfId="9" applyNumberFormat="1" applyBorder="1" applyAlignment="1">
      <alignment horizontal="right" vertical="center"/>
    </xf>
    <xf numFmtId="0" fontId="31" fillId="0" borderId="0" xfId="9" applyFont="1" applyBorder="1" applyAlignment="1">
      <alignment vertical="center"/>
    </xf>
    <xf numFmtId="0" fontId="4" fillId="0" borderId="0" xfId="9" applyAlignment="1">
      <alignment vertical="center" wrapText="1"/>
    </xf>
    <xf numFmtId="0" fontId="4" fillId="0" borderId="0" xfId="9" applyAlignment="1"/>
    <xf numFmtId="0" fontId="4" fillId="0" borderId="0" xfId="9" applyAlignment="1">
      <alignment horizontal="right" vertical="center"/>
    </xf>
    <xf numFmtId="49" fontId="4" fillId="0" borderId="0" xfId="9" applyNumberFormat="1" applyAlignment="1">
      <alignment horizontal="right"/>
    </xf>
    <xf numFmtId="49" fontId="4" fillId="0" borderId="0" xfId="9" applyNumberFormat="1" applyAlignment="1">
      <alignment horizontal="center"/>
    </xf>
    <xf numFmtId="0" fontId="20" fillId="0" borderId="0" xfId="9" applyFont="1" applyAlignment="1">
      <alignment horizontal="center"/>
    </xf>
    <xf numFmtId="49" fontId="4" fillId="0" borderId="0" xfId="9" applyNumberFormat="1" applyBorder="1" applyAlignment="1">
      <alignment horizontal="center"/>
    </xf>
    <xf numFmtId="0" fontId="18" fillId="0" borderId="0" xfId="9" applyFont="1" applyAlignment="1">
      <alignment horizontal="center" shrinkToFit="1"/>
    </xf>
    <xf numFmtId="49" fontId="4" fillId="0" borderId="22" xfId="9" applyNumberFormat="1" applyBorder="1" applyAlignment="1">
      <alignment horizontal="center"/>
    </xf>
    <xf numFmtId="49" fontId="4" fillId="0" borderId="23" xfId="9" applyNumberFormat="1" applyBorder="1" applyAlignment="1">
      <alignment horizontal="center"/>
    </xf>
    <xf numFmtId="49" fontId="4" fillId="0" borderId="22" xfId="9" applyNumberFormat="1" applyBorder="1" applyAlignment="1">
      <alignment horizontal="right"/>
    </xf>
    <xf numFmtId="0" fontId="4" fillId="0" borderId="23" xfId="9" applyBorder="1" applyAlignment="1"/>
    <xf numFmtId="0" fontId="4" fillId="0" borderId="0" xfId="9" applyBorder="1" applyAlignment="1"/>
    <xf numFmtId="0" fontId="4" fillId="0" borderId="0" xfId="9" applyAlignment="1">
      <alignment horizontal="center"/>
    </xf>
    <xf numFmtId="0" fontId="4" fillId="0" borderId="0" xfId="9" applyAlignment="1">
      <alignment horizontal="right"/>
    </xf>
    <xf numFmtId="0" fontId="28" fillId="0" borderId="0" xfId="9" applyFont="1" applyAlignment="1">
      <alignment horizontal="center"/>
    </xf>
    <xf numFmtId="0" fontId="4" fillId="0" borderId="0" xfId="9" applyBorder="1" applyAlignment="1">
      <alignment horizontal="center"/>
    </xf>
    <xf numFmtId="0" fontId="33" fillId="0" borderId="0" xfId="9" applyFont="1" applyAlignment="1"/>
    <xf numFmtId="0" fontId="4" fillId="0" borderId="22" xfId="9" applyNumberFormat="1" applyBorder="1" applyAlignment="1">
      <alignment horizontal="left"/>
    </xf>
    <xf numFmtId="0" fontId="4" fillId="0" borderId="23" xfId="9" applyBorder="1" applyAlignment="1">
      <alignment vertical="center"/>
    </xf>
    <xf numFmtId="0" fontId="4" fillId="0" borderId="9" xfId="9" applyBorder="1" applyAlignment="1">
      <alignment horizontal="center"/>
    </xf>
    <xf numFmtId="0" fontId="4" fillId="0" borderId="16" xfId="9" applyBorder="1" applyAlignment="1">
      <alignment horizontal="center"/>
    </xf>
    <xf numFmtId="0" fontId="4" fillId="0" borderId="16" xfId="9" applyBorder="1" applyAlignment="1"/>
    <xf numFmtId="0" fontId="33" fillId="0" borderId="0" xfId="9" applyFont="1" applyFill="1" applyBorder="1" applyAlignment="1"/>
    <xf numFmtId="0" fontId="4" fillId="0" borderId="16" xfId="9" applyFill="1" applyBorder="1" applyAlignment="1">
      <alignment horizontal="center"/>
    </xf>
    <xf numFmtId="0" fontId="17" fillId="0" borderId="0" xfId="10" applyAlignment="1" applyProtection="1"/>
    <xf numFmtId="0" fontId="17" fillId="0" borderId="0" xfId="10" applyAlignment="1" applyProtection="1">
      <alignment horizontal="right" vertical="center"/>
    </xf>
    <xf numFmtId="0" fontId="17" fillId="0" borderId="0" xfId="10" applyAlignment="1" applyProtection="1">
      <alignment horizontal="left" vertical="center"/>
    </xf>
    <xf numFmtId="49" fontId="4" fillId="0" borderId="26" xfId="9" applyNumberFormat="1" applyBorder="1" applyAlignment="1">
      <alignment horizontal="right"/>
    </xf>
    <xf numFmtId="49" fontId="4" fillId="0" borderId="27" xfId="9" applyNumberFormat="1" applyBorder="1" applyAlignment="1">
      <alignment horizontal="center"/>
    </xf>
    <xf numFmtId="178" fontId="4" fillId="0" borderId="0" xfId="9" applyNumberFormat="1" applyAlignment="1">
      <alignment horizontal="left"/>
    </xf>
    <xf numFmtId="0" fontId="10" fillId="0" borderId="0" xfId="9" applyFont="1" applyFill="1" applyBorder="1" applyAlignment="1"/>
    <xf numFmtId="0" fontId="10" fillId="0" borderId="0" xfId="9" applyFont="1" applyFill="1" applyBorder="1" applyAlignment="1">
      <alignment vertical="center"/>
    </xf>
    <xf numFmtId="0" fontId="4" fillId="0" borderId="29" xfId="9" applyBorder="1" applyAlignment="1"/>
    <xf numFmtId="0" fontId="8" fillId="0" borderId="0" xfId="11" applyFont="1" applyFill="1" applyAlignment="1">
      <alignment horizontal="left" vertical="center"/>
    </xf>
    <xf numFmtId="0" fontId="7" fillId="0" borderId="11" xfId="11" applyFont="1" applyFill="1" applyBorder="1" applyAlignment="1">
      <alignment horizontal="center" wrapText="1"/>
    </xf>
    <xf numFmtId="0" fontId="28" fillId="0" borderId="17" xfId="11" applyFont="1" applyFill="1" applyBorder="1" applyAlignment="1">
      <alignment horizontal="center" wrapText="1"/>
    </xf>
    <xf numFmtId="0" fontId="7" fillId="0" borderId="17" xfId="11" applyFont="1" applyFill="1" applyBorder="1" applyAlignment="1">
      <alignment horizontal="center" wrapText="1"/>
    </xf>
    <xf numFmtId="0" fontId="7" fillId="0" borderId="0" xfId="11" applyFont="1" applyFill="1" applyAlignment="1">
      <alignment vertical="center"/>
    </xf>
    <xf numFmtId="0" fontId="34" fillId="0" borderId="0" xfId="11" applyFont="1" applyFill="1" applyAlignment="1">
      <alignment horizontal="center" vertical="center"/>
    </xf>
    <xf numFmtId="0" fontId="7" fillId="0" borderId="0" xfId="11" applyFont="1" applyFill="1" applyAlignment="1">
      <alignment horizontal="right" vertical="center"/>
    </xf>
    <xf numFmtId="0" fontId="7" fillId="0" borderId="0" xfId="11" applyFont="1" applyFill="1" applyAlignment="1">
      <alignment vertical="center" wrapText="1"/>
    </xf>
    <xf numFmtId="0" fontId="7" fillId="0" borderId="0" xfId="11" applyFont="1" applyFill="1" applyAlignment="1">
      <alignment horizontal="center" vertical="center"/>
    </xf>
    <xf numFmtId="0" fontId="7" fillId="0" borderId="16" xfId="11" applyFont="1" applyFill="1" applyBorder="1" applyAlignment="1">
      <alignment vertical="top" wrapText="1"/>
    </xf>
    <xf numFmtId="0" fontId="8" fillId="0" borderId="7" xfId="0" applyFont="1" applyBorder="1" applyAlignment="1">
      <alignment horizontal="center" vertical="center"/>
    </xf>
    <xf numFmtId="0" fontId="8" fillId="0" borderId="9" xfId="0" applyFont="1" applyBorder="1" applyAlignment="1">
      <alignment horizontal="left" vertical="center"/>
    </xf>
    <xf numFmtId="0" fontId="8" fillId="0" borderId="8" xfId="0" applyFont="1" applyBorder="1" applyAlignment="1">
      <alignment horizontal="left" vertical="center"/>
    </xf>
    <xf numFmtId="0" fontId="8" fillId="0" borderId="12" xfId="0" applyFont="1" applyBorder="1" applyAlignment="1">
      <alignment horizontal="left" vertical="center"/>
    </xf>
    <xf numFmtId="0" fontId="8" fillId="0" borderId="0" xfId="0" applyFont="1" applyBorder="1" applyAlignment="1">
      <alignment horizontal="left" vertical="center"/>
    </xf>
    <xf numFmtId="0" fontId="8" fillId="0" borderId="1" xfId="0" applyFont="1" applyBorder="1" applyAlignment="1">
      <alignment horizontal="left" vertical="center"/>
    </xf>
    <xf numFmtId="0" fontId="2" fillId="0" borderId="16" xfId="9" applyFont="1" applyBorder="1" applyAlignment="1">
      <alignment horizontal="center" vertical="center"/>
    </xf>
    <xf numFmtId="0" fontId="15" fillId="0" borderId="0" xfId="1" applyFont="1" applyBorder="1" applyAlignment="1">
      <alignment vertical="center"/>
    </xf>
    <xf numFmtId="0" fontId="15" fillId="0" borderId="4" xfId="1" applyFont="1" applyBorder="1">
      <alignment vertical="center"/>
    </xf>
    <xf numFmtId="0" fontId="15" fillId="0" borderId="3" xfId="1" applyFont="1" applyBorder="1">
      <alignment vertical="center"/>
    </xf>
    <xf numFmtId="0" fontId="15" fillId="0" borderId="3" xfId="1" applyFont="1" applyBorder="1" applyProtection="1">
      <alignment vertical="center"/>
    </xf>
    <xf numFmtId="0" fontId="15" fillId="0" borderId="2" xfId="1" applyFont="1" applyBorder="1" applyAlignment="1">
      <alignment horizontal="left" vertical="center"/>
    </xf>
    <xf numFmtId="177" fontId="17" fillId="0" borderId="0" xfId="8" applyNumberFormat="1" applyFill="1" applyAlignment="1"/>
    <xf numFmtId="0" fontId="1" fillId="0" borderId="16" xfId="9" applyFont="1" applyBorder="1" applyAlignment="1">
      <alignment horizontal="center" vertical="center" wrapText="1"/>
    </xf>
    <xf numFmtId="0" fontId="4" fillId="0" borderId="16" xfId="9" applyBorder="1" applyAlignment="1">
      <alignment horizontal="center" vertical="center" wrapText="1"/>
    </xf>
    <xf numFmtId="0" fontId="8" fillId="0" borderId="12" xfId="0" applyFont="1" applyBorder="1" applyAlignment="1">
      <alignment horizontal="left" vertical="center"/>
    </xf>
    <xf numFmtId="0" fontId="8" fillId="0" borderId="0" xfId="0" applyFont="1" applyBorder="1" applyAlignment="1">
      <alignment horizontal="left" vertical="center"/>
    </xf>
    <xf numFmtId="179" fontId="8" fillId="0" borderId="8" xfId="0" applyNumberFormat="1" applyFont="1" applyFill="1" applyBorder="1" applyAlignment="1">
      <alignment vertical="center"/>
    </xf>
    <xf numFmtId="0" fontId="8" fillId="0" borderId="7" xfId="0" applyFont="1" applyFill="1" applyBorder="1">
      <alignment vertical="center"/>
    </xf>
    <xf numFmtId="0" fontId="7" fillId="0" borderId="16" xfId="0" applyFont="1" applyBorder="1" applyAlignment="1">
      <alignment horizontal="left" vertical="center" wrapText="1"/>
    </xf>
    <xf numFmtId="0" fontId="7" fillId="0" borderId="1" xfId="0" applyFont="1" applyBorder="1" applyAlignment="1">
      <alignment horizontal="left" vertical="center" wrapText="1"/>
    </xf>
    <xf numFmtId="0" fontId="7" fillId="0" borderId="8" xfId="0" applyFont="1" applyBorder="1" applyAlignment="1">
      <alignment horizontal="center" vertical="center" wrapText="1"/>
    </xf>
    <xf numFmtId="0" fontId="7" fillId="0" borderId="7" xfId="0" applyFont="1" applyBorder="1" applyAlignment="1">
      <alignment horizontal="center" vertical="center" wrapText="1"/>
    </xf>
    <xf numFmtId="0" fontId="8" fillId="3" borderId="9" xfId="0" applyFont="1" applyFill="1" applyBorder="1" applyAlignment="1" applyProtection="1">
      <alignment horizontal="center" vertical="center"/>
      <protection locked="0"/>
    </xf>
    <xf numFmtId="0" fontId="7" fillId="0" borderId="8" xfId="0" applyFont="1" applyBorder="1" applyAlignment="1">
      <alignment horizontal="center" vertical="center" wrapText="1"/>
    </xf>
    <xf numFmtId="0" fontId="7" fillId="0" borderId="7" xfId="0" applyFont="1" applyBorder="1" applyAlignment="1">
      <alignment horizontal="center" vertical="center" wrapText="1"/>
    </xf>
    <xf numFmtId="0" fontId="7" fillId="0" borderId="8" xfId="0" applyFont="1" applyBorder="1" applyAlignment="1">
      <alignment vertical="center" wrapText="1"/>
    </xf>
    <xf numFmtId="0" fontId="8" fillId="3" borderId="9" xfId="0" applyFont="1" applyFill="1" applyBorder="1" applyAlignment="1" applyProtection="1">
      <alignment horizontal="center" vertical="center"/>
      <protection locked="0"/>
    </xf>
    <xf numFmtId="0" fontId="7" fillId="0" borderId="9" xfId="0" applyFont="1" applyFill="1" applyBorder="1" applyAlignment="1" applyProtection="1">
      <alignment vertical="center" wrapText="1"/>
      <protection locked="0"/>
    </xf>
    <xf numFmtId="0" fontId="17" fillId="0" borderId="0" xfId="8" applyFont="1" applyAlignment="1">
      <alignment vertical="center"/>
    </xf>
    <xf numFmtId="0" fontId="8" fillId="0" borderId="10" xfId="0" applyFont="1" applyBorder="1">
      <alignment vertical="center"/>
    </xf>
    <xf numFmtId="0" fontId="8" fillId="0" borderId="0" xfId="0" applyFont="1" applyFill="1">
      <alignment vertical="center"/>
    </xf>
    <xf numFmtId="0" fontId="9" fillId="0" borderId="0" xfId="0" applyFont="1" applyFill="1">
      <alignment vertical="center"/>
    </xf>
    <xf numFmtId="0" fontId="8" fillId="0" borderId="0" xfId="0" applyFont="1" applyFill="1" applyAlignment="1">
      <alignment horizontal="center" vertical="center"/>
    </xf>
    <xf numFmtId="0" fontId="8" fillId="0" borderId="0" xfId="0" applyFont="1" applyFill="1" applyBorder="1">
      <alignment vertical="center"/>
    </xf>
    <xf numFmtId="0" fontId="8" fillId="0" borderId="10" xfId="0" applyFont="1" applyFill="1" applyBorder="1">
      <alignment vertical="center"/>
    </xf>
    <xf numFmtId="0" fontId="8" fillId="0" borderId="0" xfId="1" applyFont="1" applyBorder="1" applyAlignment="1">
      <alignment vertical="top"/>
    </xf>
    <xf numFmtId="0" fontId="25" fillId="0" borderId="0" xfId="1" applyFont="1" applyBorder="1" applyAlignment="1">
      <alignment horizontal="left" vertical="center" wrapText="1"/>
    </xf>
    <xf numFmtId="0" fontId="25" fillId="0" borderId="0" xfId="1" applyFont="1" applyFill="1" applyBorder="1" applyAlignment="1">
      <alignment horizontal="left" vertical="center" shrinkToFit="1"/>
    </xf>
    <xf numFmtId="0" fontId="15" fillId="0" borderId="1" xfId="1" applyFont="1" applyBorder="1" applyAlignment="1">
      <alignment vertical="center"/>
    </xf>
    <xf numFmtId="0" fontId="15" fillId="0" borderId="5" xfId="1" applyFont="1" applyBorder="1" applyAlignment="1">
      <alignment vertical="center"/>
    </xf>
    <xf numFmtId="0" fontId="15" fillId="0" borderId="0" xfId="1" applyFont="1" applyBorder="1" applyAlignment="1">
      <alignment vertical="center"/>
    </xf>
    <xf numFmtId="0" fontId="15" fillId="0" borderId="10" xfId="1" applyFont="1" applyBorder="1" applyAlignment="1">
      <alignment vertical="center"/>
    </xf>
    <xf numFmtId="0" fontId="15" fillId="0" borderId="3" xfId="1" applyFont="1" applyBorder="1" applyAlignment="1">
      <alignment vertical="center"/>
    </xf>
    <xf numFmtId="0" fontId="15" fillId="0" borderId="2" xfId="1" applyFont="1" applyBorder="1" applyAlignment="1">
      <alignment vertical="center"/>
    </xf>
    <xf numFmtId="0" fontId="15" fillId="3" borderId="1" xfId="1" applyFont="1" applyFill="1" applyBorder="1" applyAlignment="1" applyProtection="1">
      <alignment horizontal="left" vertical="center" shrinkToFit="1"/>
      <protection locked="0"/>
    </xf>
    <xf numFmtId="0" fontId="15" fillId="3" borderId="0" xfId="1" applyFont="1" applyFill="1" applyBorder="1" applyAlignment="1" applyProtection="1">
      <alignment horizontal="left" vertical="center" shrinkToFit="1"/>
      <protection locked="0"/>
    </xf>
    <xf numFmtId="0" fontId="15" fillId="3" borderId="0" xfId="1" applyFont="1" applyFill="1" applyBorder="1" applyAlignment="1" applyProtection="1">
      <alignment vertical="center" shrinkToFit="1"/>
      <protection locked="0"/>
    </xf>
    <xf numFmtId="0" fontId="15" fillId="3" borderId="3" xfId="1" applyFont="1" applyFill="1" applyBorder="1" applyAlignment="1" applyProtection="1">
      <alignment vertical="center" shrinkToFit="1"/>
      <protection locked="0"/>
    </xf>
    <xf numFmtId="0" fontId="24" fillId="3" borderId="3" xfId="1" applyFont="1" applyFill="1" applyBorder="1" applyAlignment="1" applyProtection="1">
      <alignment vertical="center" shrinkToFit="1"/>
      <protection locked="0"/>
    </xf>
    <xf numFmtId="0" fontId="15" fillId="0" borderId="0" xfId="1" applyFont="1" applyBorder="1" applyAlignment="1">
      <alignment horizontal="left" vertical="center" wrapText="1"/>
    </xf>
    <xf numFmtId="0" fontId="24" fillId="0" borderId="0" xfId="1" applyFont="1" applyAlignment="1">
      <alignment vertical="center" wrapText="1"/>
    </xf>
    <xf numFmtId="0" fontId="15" fillId="0" borderId="3" xfId="1" applyFont="1" applyBorder="1" applyAlignment="1">
      <alignment horizontal="center" vertical="top"/>
    </xf>
    <xf numFmtId="0" fontId="23" fillId="0" borderId="0" xfId="1" applyFont="1" applyBorder="1" applyAlignment="1">
      <alignment horizontal="center" vertical="center"/>
    </xf>
    <xf numFmtId="0" fontId="15" fillId="0" borderId="1" xfId="1" applyFont="1" applyBorder="1" applyAlignment="1">
      <alignment horizontal="left" vertical="center"/>
    </xf>
    <xf numFmtId="0" fontId="15" fillId="0" borderId="5" xfId="1" applyFont="1" applyBorder="1" applyAlignment="1">
      <alignment horizontal="left" vertical="center"/>
    </xf>
    <xf numFmtId="0" fontId="22" fillId="3" borderId="9" xfId="1" applyFont="1" applyFill="1" applyBorder="1" applyAlignment="1" applyProtection="1">
      <alignment horizontal="center" vertical="center" wrapText="1"/>
      <protection locked="0"/>
    </xf>
    <xf numFmtId="0" fontId="22" fillId="3" borderId="8" xfId="1" applyFont="1" applyFill="1" applyBorder="1" applyAlignment="1" applyProtection="1">
      <alignment horizontal="center" vertical="center" wrapText="1"/>
      <protection locked="0"/>
    </xf>
    <xf numFmtId="0" fontId="22" fillId="3" borderId="7" xfId="1" applyFont="1" applyFill="1" applyBorder="1" applyAlignment="1" applyProtection="1">
      <alignment horizontal="center" vertical="center" wrapText="1"/>
      <protection locked="0"/>
    </xf>
    <xf numFmtId="0" fontId="15" fillId="0" borderId="0" xfId="1" applyFont="1" applyFill="1" applyBorder="1" applyAlignment="1" applyProtection="1">
      <alignment horizontal="center" vertical="center"/>
    </xf>
    <xf numFmtId="0" fontId="15" fillId="0" borderId="0" xfId="1" applyFont="1" applyFill="1" applyBorder="1" applyAlignment="1" applyProtection="1">
      <alignment horizontal="left" vertical="center"/>
    </xf>
    <xf numFmtId="0" fontId="15" fillId="3" borderId="0" xfId="1" applyFont="1" applyFill="1" applyBorder="1" applyAlignment="1" applyProtection="1">
      <alignment horizontal="center" vertical="center" shrinkToFit="1"/>
      <protection locked="0"/>
    </xf>
    <xf numFmtId="0" fontId="23" fillId="3" borderId="0" xfId="1" applyFont="1" applyFill="1" applyBorder="1" applyAlignment="1" applyProtection="1">
      <alignment horizontal="center" vertical="center" shrinkToFit="1"/>
      <protection locked="0"/>
    </xf>
    <xf numFmtId="0" fontId="8" fillId="0" borderId="17" xfId="0" applyFont="1" applyBorder="1" applyAlignment="1">
      <alignment horizontal="center" vertical="center"/>
    </xf>
    <xf numFmtId="0" fontId="35" fillId="3" borderId="17" xfId="12" applyFill="1" applyBorder="1" applyProtection="1">
      <alignment vertical="center"/>
      <protection locked="0"/>
    </xf>
    <xf numFmtId="0" fontId="8" fillId="3" borderId="17" xfId="0" applyFont="1" applyFill="1" applyBorder="1" applyProtection="1">
      <alignment vertical="center"/>
      <protection locked="0"/>
    </xf>
    <xf numFmtId="0" fontId="8" fillId="0" borderId="16" xfId="0" applyFont="1" applyBorder="1" applyAlignment="1">
      <alignment horizontal="center" vertical="center"/>
    </xf>
    <xf numFmtId="0" fontId="8" fillId="3" borderId="16" xfId="0" applyFont="1" applyFill="1" applyBorder="1" applyProtection="1">
      <alignment vertical="center"/>
      <protection locked="0"/>
    </xf>
    <xf numFmtId="0" fontId="8" fillId="0" borderId="0" xfId="0" applyFont="1" applyBorder="1" applyAlignment="1">
      <alignment horizontal="right" vertical="center"/>
    </xf>
    <xf numFmtId="0" fontId="8" fillId="0" borderId="8" xfId="0" applyFont="1" applyFill="1" applyBorder="1" applyAlignment="1">
      <alignment horizontal="center" vertical="center"/>
    </xf>
    <xf numFmtId="0" fontId="8" fillId="0" borderId="7" xfId="0" applyFont="1" applyFill="1" applyBorder="1" applyAlignment="1">
      <alignment horizontal="center" vertical="center"/>
    </xf>
    <xf numFmtId="0" fontId="8" fillId="3" borderId="9" xfId="0" applyFont="1" applyFill="1" applyBorder="1" applyAlignment="1">
      <alignment vertical="center"/>
    </xf>
    <xf numFmtId="0" fontId="0" fillId="0" borderId="8" xfId="0" applyBorder="1" applyAlignment="1">
      <alignment vertical="center"/>
    </xf>
    <xf numFmtId="0" fontId="0" fillId="0" borderId="7" xfId="0" applyBorder="1" applyAlignment="1">
      <alignment vertical="center"/>
    </xf>
    <xf numFmtId="0" fontId="8" fillId="0" borderId="9" xfId="0" applyFont="1" applyFill="1" applyBorder="1" applyAlignment="1">
      <alignment horizontal="center" vertical="center"/>
    </xf>
    <xf numFmtId="179" fontId="8" fillId="3" borderId="9" xfId="0" applyNumberFormat="1" applyFont="1" applyFill="1" applyBorder="1" applyAlignment="1">
      <alignment vertical="center"/>
    </xf>
    <xf numFmtId="179" fontId="0" fillId="0" borderId="8" xfId="0" applyNumberFormat="1" applyBorder="1" applyAlignment="1">
      <alignment vertical="center"/>
    </xf>
    <xf numFmtId="179" fontId="0" fillId="0" borderId="7" xfId="0" applyNumberFormat="1" applyBorder="1" applyAlignment="1">
      <alignment vertical="center"/>
    </xf>
    <xf numFmtId="0" fontId="8" fillId="3" borderId="4" xfId="0" applyFont="1" applyFill="1" applyBorder="1" applyAlignment="1" applyProtection="1">
      <alignment horizontal="left" vertical="center" wrapText="1"/>
      <protection locked="0"/>
    </xf>
    <xf numFmtId="0" fontId="8" fillId="3" borderId="3" xfId="0" applyFont="1" applyFill="1" applyBorder="1" applyAlignment="1" applyProtection="1">
      <alignment horizontal="left" vertical="center" wrapText="1"/>
      <protection locked="0"/>
    </xf>
    <xf numFmtId="0" fontId="8" fillId="3" borderId="2" xfId="0" applyFont="1" applyFill="1" applyBorder="1" applyAlignment="1" applyProtection="1">
      <alignment horizontal="left" vertical="center" wrapText="1"/>
      <protection locked="0"/>
    </xf>
    <xf numFmtId="0" fontId="8" fillId="3" borderId="9" xfId="0" applyFont="1" applyFill="1" applyBorder="1" applyAlignment="1">
      <alignment horizontal="center" vertical="center"/>
    </xf>
    <xf numFmtId="0" fontId="8" fillId="3" borderId="8" xfId="0" applyFont="1" applyFill="1" applyBorder="1" applyAlignment="1">
      <alignment horizontal="center" vertical="center"/>
    </xf>
    <xf numFmtId="0" fontId="8" fillId="3" borderId="7" xfId="0" applyFont="1" applyFill="1" applyBorder="1" applyAlignment="1">
      <alignment horizontal="center" vertical="center"/>
    </xf>
    <xf numFmtId="0" fontId="8" fillId="3" borderId="19" xfId="0" applyFont="1" applyFill="1" applyBorder="1" applyAlignment="1" applyProtection="1">
      <alignment vertical="center" wrapText="1"/>
      <protection locked="0"/>
    </xf>
    <xf numFmtId="0" fontId="0" fillId="0" borderId="8" xfId="0" applyBorder="1" applyAlignment="1">
      <alignment horizontal="center" vertical="center"/>
    </xf>
    <xf numFmtId="0" fontId="0" fillId="0" borderId="7" xfId="0" applyBorder="1" applyAlignment="1">
      <alignment horizontal="center" vertical="center"/>
    </xf>
    <xf numFmtId="0" fontId="8" fillId="3" borderId="6" xfId="0" applyFont="1" applyFill="1" applyBorder="1" applyAlignment="1" applyProtection="1">
      <alignment vertical="center" wrapText="1"/>
      <protection locked="0"/>
    </xf>
    <xf numFmtId="0" fontId="8" fillId="3" borderId="1" xfId="0" applyFont="1" applyFill="1" applyBorder="1" applyAlignment="1" applyProtection="1">
      <alignment vertical="center" wrapText="1"/>
      <protection locked="0"/>
    </xf>
    <xf numFmtId="0" fontId="8" fillId="3" borderId="5" xfId="0" applyFont="1" applyFill="1" applyBorder="1" applyAlignment="1" applyProtection="1">
      <alignment vertical="center" wrapText="1"/>
      <protection locked="0"/>
    </xf>
    <xf numFmtId="0" fontId="8" fillId="3" borderId="4" xfId="0" applyFont="1" applyFill="1" applyBorder="1" applyAlignment="1" applyProtection="1">
      <alignment vertical="center" wrapText="1"/>
      <protection locked="0"/>
    </xf>
    <xf numFmtId="0" fontId="8" fillId="3" borderId="3" xfId="0" applyFont="1" applyFill="1" applyBorder="1" applyAlignment="1" applyProtection="1">
      <alignment vertical="center" wrapText="1"/>
      <protection locked="0"/>
    </xf>
    <xf numFmtId="0" fontId="8" fillId="3" borderId="2" xfId="0" applyFont="1" applyFill="1" applyBorder="1" applyAlignment="1" applyProtection="1">
      <alignment vertical="center" wrapText="1"/>
      <protection locked="0"/>
    </xf>
    <xf numFmtId="0" fontId="8" fillId="0" borderId="6" xfId="0" applyFont="1" applyFill="1" applyBorder="1" applyAlignment="1">
      <alignment horizontal="left" vertical="center"/>
    </xf>
    <xf numFmtId="0" fontId="8" fillId="0" borderId="1" xfId="0" applyFont="1" applyFill="1" applyBorder="1" applyAlignment="1">
      <alignment horizontal="left" vertical="center"/>
    </xf>
    <xf numFmtId="0" fontId="8" fillId="0" borderId="5" xfId="0" applyFont="1" applyFill="1" applyBorder="1" applyAlignment="1">
      <alignment horizontal="left" vertical="center"/>
    </xf>
    <xf numFmtId="0" fontId="17" fillId="0" borderId="0" xfId="0" applyFont="1" applyAlignment="1">
      <alignment horizontal="center" vertical="center" wrapText="1"/>
    </xf>
    <xf numFmtId="0" fontId="17" fillId="0" borderId="0" xfId="0" applyFont="1" applyAlignment="1">
      <alignment horizontal="center" vertical="center"/>
    </xf>
    <xf numFmtId="0" fontId="7" fillId="0" borderId="8" xfId="0" applyFont="1" applyBorder="1" applyAlignment="1">
      <alignment vertical="center" wrapText="1"/>
    </xf>
    <xf numFmtId="0" fontId="7" fillId="0" borderId="7" xfId="0" applyFont="1" applyBorder="1" applyAlignment="1">
      <alignment vertical="center" wrapText="1"/>
    </xf>
    <xf numFmtId="0" fontId="36" fillId="0" borderId="8" xfId="0" applyFont="1" applyBorder="1" applyAlignment="1">
      <alignment vertical="center" wrapText="1"/>
    </xf>
    <xf numFmtId="0" fontId="36" fillId="0" borderId="7" xfId="0" applyFont="1" applyBorder="1" applyAlignment="1">
      <alignment vertical="center" wrapText="1"/>
    </xf>
    <xf numFmtId="0" fontId="7" fillId="0" borderId="8" xfId="0" applyFont="1" applyBorder="1" applyAlignment="1">
      <alignment horizontal="left" vertical="center" wrapText="1"/>
    </xf>
    <xf numFmtId="0" fontId="7" fillId="3" borderId="8" xfId="0" applyFont="1" applyFill="1" applyBorder="1" applyAlignment="1">
      <alignment vertical="center" wrapText="1"/>
    </xf>
    <xf numFmtId="0" fontId="0" fillId="0" borderId="8" xfId="0" applyBorder="1" applyAlignment="1">
      <alignment vertical="center" wrapText="1"/>
    </xf>
    <xf numFmtId="0" fontId="7" fillId="0" borderId="9" xfId="0" applyFont="1" applyBorder="1" applyAlignment="1">
      <alignment horizontal="center" vertical="center" wrapText="1"/>
    </xf>
    <xf numFmtId="0" fontId="7" fillId="0" borderId="8" xfId="0" applyFont="1" applyBorder="1" applyAlignment="1">
      <alignment horizontal="center" vertical="center" wrapText="1"/>
    </xf>
    <xf numFmtId="0" fontId="7" fillId="0" borderId="7" xfId="0" applyFont="1" applyBorder="1" applyAlignment="1">
      <alignment horizontal="center" vertical="center" wrapText="1"/>
    </xf>
    <xf numFmtId="0" fontId="7" fillId="0" borderId="13" xfId="0" applyFont="1" applyBorder="1" applyAlignment="1">
      <alignment horizontal="center" vertical="center" wrapText="1"/>
    </xf>
    <xf numFmtId="0" fontId="7" fillId="0" borderId="14" xfId="0" applyFont="1" applyBorder="1" applyAlignment="1">
      <alignment horizontal="center" vertical="center" wrapText="1"/>
    </xf>
    <xf numFmtId="0" fontId="7" fillId="0" borderId="15" xfId="0" applyFont="1" applyBorder="1" applyAlignment="1">
      <alignment horizontal="center" vertical="center" wrapText="1"/>
    </xf>
    <xf numFmtId="0" fontId="8" fillId="0" borderId="12" xfId="0" applyFont="1" applyFill="1" applyBorder="1" applyAlignment="1">
      <alignment horizontal="left" vertical="center"/>
    </xf>
    <xf numFmtId="0" fontId="8" fillId="0" borderId="0" xfId="0" applyFont="1" applyFill="1" applyBorder="1" applyAlignment="1">
      <alignment horizontal="left" vertical="center"/>
    </xf>
    <xf numFmtId="0" fontId="7" fillId="0" borderId="16" xfId="0" applyFont="1" applyBorder="1" applyAlignment="1">
      <alignment horizontal="left" vertical="center" wrapText="1"/>
    </xf>
    <xf numFmtId="179" fontId="7" fillId="3" borderId="16" xfId="0" applyNumberFormat="1" applyFont="1" applyFill="1" applyBorder="1" applyAlignment="1">
      <alignment horizontal="center" vertical="center" wrapText="1"/>
    </xf>
    <xf numFmtId="0" fontId="7" fillId="0" borderId="1" xfId="0" applyFont="1" applyBorder="1" applyAlignment="1">
      <alignment horizontal="left" vertical="center" wrapText="1"/>
    </xf>
    <xf numFmtId="0" fontId="8" fillId="0" borderId="9" xfId="0" applyFont="1" applyFill="1" applyBorder="1" applyAlignment="1" applyProtection="1">
      <alignment horizontal="left" vertical="center" wrapText="1"/>
      <protection locked="0"/>
    </xf>
    <xf numFmtId="0" fontId="8" fillId="0" borderId="8" xfId="0" applyFont="1" applyFill="1" applyBorder="1" applyAlignment="1" applyProtection="1">
      <alignment horizontal="left" vertical="center" wrapText="1"/>
      <protection locked="0"/>
    </xf>
    <xf numFmtId="0" fontId="8" fillId="0" borderId="7" xfId="0" applyFont="1" applyFill="1" applyBorder="1" applyAlignment="1" applyProtection="1">
      <alignment horizontal="left" vertical="center" wrapText="1"/>
      <protection locked="0"/>
    </xf>
    <xf numFmtId="179" fontId="8" fillId="3" borderId="9" xfId="0" applyNumberFormat="1" applyFont="1" applyFill="1" applyBorder="1" applyAlignment="1">
      <alignment horizontal="right" vertical="center"/>
    </xf>
    <xf numFmtId="179" fontId="8" fillId="3" borderId="8" xfId="0" applyNumberFormat="1" applyFont="1" applyFill="1" applyBorder="1" applyAlignment="1">
      <alignment horizontal="right" vertical="center"/>
    </xf>
    <xf numFmtId="0" fontId="8" fillId="0" borderId="6" xfId="0" applyFont="1" applyFill="1" applyBorder="1" applyAlignment="1" applyProtection="1">
      <alignment horizontal="left" vertical="center" wrapText="1"/>
      <protection locked="0"/>
    </xf>
    <xf numFmtId="0" fontId="8" fillId="0" borderId="1" xfId="0" applyFont="1" applyFill="1" applyBorder="1" applyAlignment="1" applyProtection="1">
      <alignment horizontal="left" vertical="center" wrapText="1"/>
      <protection locked="0"/>
    </xf>
    <xf numFmtId="0" fontId="8" fillId="0" borderId="5" xfId="0" applyFont="1" applyFill="1" applyBorder="1" applyAlignment="1" applyProtection="1">
      <alignment horizontal="left" vertical="center" wrapText="1"/>
      <protection locked="0"/>
    </xf>
    <xf numFmtId="0" fontId="7" fillId="3" borderId="8" xfId="0" applyFont="1" applyFill="1" applyBorder="1" applyAlignment="1">
      <alignment horizontal="center" vertical="center" wrapText="1"/>
    </xf>
    <xf numFmtId="0" fontId="8" fillId="3" borderId="9" xfId="0" applyFont="1" applyFill="1" applyBorder="1" applyAlignment="1" applyProtection="1">
      <alignment horizontal="center" vertical="center"/>
      <protection locked="0"/>
    </xf>
    <xf numFmtId="0" fontId="8" fillId="3" borderId="8" xfId="0" applyFont="1" applyFill="1" applyBorder="1" applyAlignment="1" applyProtection="1">
      <alignment horizontal="center" vertical="center"/>
      <protection locked="0"/>
    </xf>
    <xf numFmtId="0" fontId="8" fillId="0" borderId="8" xfId="0" applyFont="1" applyBorder="1" applyAlignment="1">
      <alignment vertical="center"/>
    </xf>
    <xf numFmtId="0" fontId="8" fillId="0" borderId="7" xfId="0" applyFont="1" applyBorder="1" applyAlignment="1">
      <alignment vertical="center"/>
    </xf>
    <xf numFmtId="0" fontId="8" fillId="0" borderId="9" xfId="0" applyFont="1" applyFill="1" applyBorder="1" applyAlignment="1" applyProtection="1">
      <alignment horizontal="left" vertical="center"/>
      <protection locked="0"/>
    </xf>
    <xf numFmtId="0" fontId="8" fillId="0" borderId="8" xfId="0" applyFont="1" applyFill="1" applyBorder="1" applyAlignment="1" applyProtection="1">
      <alignment horizontal="left" vertical="center"/>
      <protection locked="0"/>
    </xf>
    <xf numFmtId="0" fontId="8" fillId="0" borderId="12" xfId="0" applyFont="1" applyBorder="1" applyAlignment="1">
      <alignment horizontal="left" vertical="center"/>
    </xf>
    <xf numFmtId="0" fontId="8" fillId="0" borderId="0" xfId="0" applyFont="1" applyBorder="1" applyAlignment="1">
      <alignment horizontal="left" vertical="center"/>
    </xf>
    <xf numFmtId="0" fontId="8" fillId="0" borderId="3" xfId="0" applyFont="1" applyFill="1" applyBorder="1" applyAlignment="1" applyProtection="1">
      <alignment horizontal="left" vertical="center" wrapText="1"/>
      <protection locked="0"/>
    </xf>
    <xf numFmtId="179" fontId="0" fillId="0" borderId="8" xfId="0" applyNumberFormat="1" applyBorder="1" applyAlignment="1">
      <alignment horizontal="right" vertical="center"/>
    </xf>
    <xf numFmtId="0" fontId="8" fillId="0" borderId="6" xfId="0" applyFont="1" applyBorder="1" applyAlignment="1">
      <alignment horizontal="left" vertical="center"/>
    </xf>
    <xf numFmtId="0" fontId="8" fillId="0" borderId="1" xfId="0" applyFont="1" applyBorder="1" applyAlignment="1">
      <alignment horizontal="left" vertical="center"/>
    </xf>
    <xf numFmtId="0" fontId="8" fillId="3" borderId="1" xfId="0" applyFont="1" applyFill="1" applyBorder="1" applyAlignment="1">
      <alignment horizontal="center" vertical="center"/>
    </xf>
    <xf numFmtId="0" fontId="8" fillId="3" borderId="5" xfId="0" applyFont="1" applyFill="1" applyBorder="1" applyAlignment="1">
      <alignment horizontal="center" vertical="center"/>
    </xf>
    <xf numFmtId="0" fontId="8" fillId="3" borderId="3" xfId="0" applyFont="1" applyFill="1" applyBorder="1" applyAlignment="1">
      <alignment horizontal="center" vertical="center"/>
    </xf>
    <xf numFmtId="0" fontId="8" fillId="3" borderId="2" xfId="0" applyFont="1" applyFill="1" applyBorder="1" applyAlignment="1">
      <alignment horizontal="center" vertical="center"/>
    </xf>
    <xf numFmtId="0" fontId="8" fillId="0" borderId="6" xfId="0" applyFont="1" applyFill="1" applyBorder="1" applyAlignment="1" applyProtection="1">
      <alignment horizontal="left" vertical="center"/>
      <protection locked="0"/>
    </xf>
    <xf numFmtId="0" fontId="8" fillId="0" borderId="1" xfId="0" applyFont="1" applyFill="1" applyBorder="1" applyAlignment="1" applyProtection="1">
      <alignment horizontal="left" vertical="center"/>
      <protection locked="0"/>
    </xf>
    <xf numFmtId="0" fontId="8" fillId="3" borderId="1" xfId="0" applyFont="1" applyFill="1" applyBorder="1" applyAlignment="1" applyProtection="1">
      <alignment horizontal="center" vertical="center"/>
      <protection locked="0"/>
    </xf>
    <xf numFmtId="0" fontId="8" fillId="3" borderId="5" xfId="0" applyFont="1" applyFill="1" applyBorder="1" applyAlignment="1" applyProtection="1">
      <alignment horizontal="center" vertical="center"/>
      <protection locked="0"/>
    </xf>
    <xf numFmtId="0" fontId="8" fillId="3" borderId="3" xfId="0" applyFont="1" applyFill="1" applyBorder="1" applyAlignment="1" applyProtection="1">
      <alignment horizontal="center" vertical="center"/>
      <protection locked="0"/>
    </xf>
    <xf numFmtId="0" fontId="8" fillId="3" borderId="2" xfId="0" applyFont="1" applyFill="1" applyBorder="1" applyAlignment="1" applyProtection="1">
      <alignment horizontal="center" vertical="center"/>
      <protection locked="0"/>
    </xf>
    <xf numFmtId="0" fontId="8" fillId="0" borderId="4" xfId="0" applyFont="1" applyFill="1" applyBorder="1" applyAlignment="1" applyProtection="1">
      <alignment horizontal="left" vertical="center" wrapText="1"/>
      <protection locked="0"/>
    </xf>
    <xf numFmtId="0" fontId="8" fillId="0" borderId="2" xfId="0" applyFont="1" applyFill="1" applyBorder="1" applyAlignment="1" applyProtection="1">
      <alignment horizontal="left" vertical="center" wrapText="1"/>
      <protection locked="0"/>
    </xf>
    <xf numFmtId="0" fontId="8" fillId="0" borderId="7" xfId="0" applyFont="1" applyFill="1" applyBorder="1" applyAlignment="1" applyProtection="1">
      <alignment horizontal="left" vertical="center"/>
      <protection locked="0"/>
    </xf>
    <xf numFmtId="0" fontId="8" fillId="0" borderId="11" xfId="0" applyFont="1" applyBorder="1" applyAlignment="1">
      <alignment horizontal="center" vertical="center"/>
    </xf>
    <xf numFmtId="179" fontId="8" fillId="3" borderId="9" xfId="0" applyNumberFormat="1" applyFont="1" applyFill="1" applyBorder="1" applyAlignment="1">
      <alignment horizontal="center" vertical="center"/>
    </xf>
    <xf numFmtId="179" fontId="8" fillId="3" borderId="8" xfId="0" applyNumberFormat="1" applyFont="1" applyFill="1" applyBorder="1" applyAlignment="1">
      <alignment horizontal="center" vertical="center"/>
    </xf>
    <xf numFmtId="0" fontId="17" fillId="0" borderId="0" xfId="0" applyFont="1" applyAlignment="1">
      <alignment horizontal="center" vertical="center" shrinkToFit="1"/>
    </xf>
    <xf numFmtId="0" fontId="17" fillId="0" borderId="0" xfId="8" applyFont="1" applyAlignment="1">
      <alignment horizontal="left" vertical="center" wrapText="1"/>
    </xf>
    <xf numFmtId="0" fontId="18" fillId="0" borderId="0" xfId="8" applyFont="1" applyAlignment="1">
      <alignment horizontal="center" vertical="center" wrapText="1"/>
    </xf>
    <xf numFmtId="0" fontId="20" fillId="0" borderId="0" xfId="8" applyFont="1" applyAlignment="1">
      <alignment horizontal="center" vertical="center" wrapText="1"/>
    </xf>
    <xf numFmtId="0" fontId="17" fillId="0" borderId="0" xfId="8" applyAlignment="1">
      <alignment horizontal="center" vertical="center"/>
    </xf>
    <xf numFmtId="0" fontId="7" fillId="0" borderId="0" xfId="11" applyFont="1" applyFill="1" applyAlignment="1">
      <alignment vertical="center" wrapText="1"/>
    </xf>
    <xf numFmtId="0" fontId="7" fillId="0" borderId="16" xfId="11" applyFont="1" applyFill="1" applyBorder="1" applyAlignment="1">
      <alignment horizontal="justify" wrapText="1"/>
    </xf>
    <xf numFmtId="0" fontId="7" fillId="0" borderId="16" xfId="11" applyFont="1" applyFill="1" applyBorder="1" applyAlignment="1">
      <alignment horizontal="justify" vertical="top" wrapText="1"/>
    </xf>
    <xf numFmtId="0" fontId="34" fillId="0" borderId="0" xfId="11" applyFont="1" applyFill="1" applyAlignment="1">
      <alignment horizontal="center" vertical="center"/>
    </xf>
    <xf numFmtId="0" fontId="7" fillId="0" borderId="16" xfId="11" applyFont="1" applyFill="1" applyBorder="1" applyAlignment="1">
      <alignment horizontal="center" wrapText="1"/>
    </xf>
    <xf numFmtId="0" fontId="4" fillId="0" borderId="0" xfId="9" applyAlignment="1">
      <alignment horizontal="right" vertical="center" shrinkToFit="1"/>
    </xf>
    <xf numFmtId="0" fontId="1" fillId="5" borderId="8" xfId="9" applyFont="1" applyFill="1" applyBorder="1" applyAlignment="1">
      <alignment horizontal="center" vertical="center" shrinkToFit="1"/>
    </xf>
    <xf numFmtId="0" fontId="4" fillId="5" borderId="8" xfId="9" applyFill="1" applyBorder="1" applyAlignment="1">
      <alignment horizontal="center" vertical="center" shrinkToFit="1"/>
    </xf>
    <xf numFmtId="0" fontId="4" fillId="0" borderId="0" xfId="9" applyAlignment="1">
      <alignment horizontal="left" vertical="center" wrapText="1"/>
    </xf>
    <xf numFmtId="0" fontId="18" fillId="0" borderId="0" xfId="9" applyFont="1" applyAlignment="1">
      <alignment horizontal="center" vertical="center" shrinkToFit="1"/>
    </xf>
    <xf numFmtId="0" fontId="4" fillId="0" borderId="0" xfId="9" applyAlignment="1">
      <alignment vertical="center" shrinkToFit="1"/>
    </xf>
    <xf numFmtId="49" fontId="4" fillId="0" borderId="20" xfId="9" applyNumberFormat="1" applyBorder="1" applyAlignment="1">
      <alignment horizontal="center" vertical="center"/>
    </xf>
    <xf numFmtId="49" fontId="4" fillId="0" borderId="21" xfId="9" applyNumberFormat="1" applyBorder="1" applyAlignment="1">
      <alignment horizontal="center" vertical="center"/>
    </xf>
    <xf numFmtId="177" fontId="4" fillId="0" borderId="0" xfId="9" applyNumberFormat="1" applyAlignment="1">
      <alignment horizontal="left" vertical="center"/>
    </xf>
    <xf numFmtId="0" fontId="4" fillId="0" borderId="0" xfId="9" applyAlignment="1">
      <alignment horizontal="right" vertical="center"/>
    </xf>
    <xf numFmtId="0" fontId="1" fillId="5" borderId="3" xfId="9" applyFont="1" applyFill="1" applyBorder="1" applyAlignment="1">
      <alignment horizontal="center" vertical="center" shrinkToFit="1"/>
    </xf>
    <xf numFmtId="0" fontId="4" fillId="5" borderId="3" xfId="9" applyFill="1" applyBorder="1" applyAlignment="1">
      <alignment horizontal="center" vertical="center" shrinkToFit="1"/>
    </xf>
    <xf numFmtId="0" fontId="1" fillId="0" borderId="0" xfId="9" applyFont="1" applyAlignment="1">
      <alignment horizontal="left" vertical="top" wrapText="1"/>
    </xf>
    <xf numFmtId="0" fontId="4" fillId="0" borderId="0" xfId="9" applyAlignment="1">
      <alignment horizontal="left" vertical="top" wrapText="1"/>
    </xf>
    <xf numFmtId="0" fontId="4" fillId="0" borderId="16" xfId="9" applyBorder="1" applyAlignment="1">
      <alignment horizontal="center" vertical="center"/>
    </xf>
    <xf numFmtId="178" fontId="4" fillId="0" borderId="16" xfId="9" applyNumberFormat="1" applyBorder="1" applyAlignment="1">
      <alignment horizontal="center" vertical="center"/>
    </xf>
    <xf numFmtId="0" fontId="17" fillId="0" borderId="16" xfId="9" applyFont="1" applyBorder="1" applyAlignment="1">
      <alignment horizontal="center" vertical="center" wrapText="1"/>
    </xf>
    <xf numFmtId="0" fontId="28" fillId="0" borderId="16" xfId="9" applyFont="1" applyBorder="1" applyAlignment="1">
      <alignment horizontal="center" vertical="center"/>
    </xf>
    <xf numFmtId="0" fontId="4" fillId="4" borderId="16" xfId="9" applyFill="1" applyBorder="1" applyAlignment="1">
      <alignment horizontal="left" vertical="center"/>
    </xf>
    <xf numFmtId="180" fontId="4" fillId="3" borderId="9" xfId="9" applyNumberFormat="1" applyFill="1" applyBorder="1" applyAlignment="1">
      <alignment horizontal="left" vertical="center"/>
    </xf>
    <xf numFmtId="180" fontId="4" fillId="3" borderId="8" xfId="9" applyNumberFormat="1" applyFill="1" applyBorder="1" applyAlignment="1">
      <alignment horizontal="left" vertical="center"/>
    </xf>
    <xf numFmtId="180" fontId="4" fillId="3" borderId="7" xfId="9" applyNumberFormat="1" applyFill="1" applyBorder="1" applyAlignment="1">
      <alignment horizontal="left" vertical="center"/>
    </xf>
    <xf numFmtId="0" fontId="4" fillId="0" borderId="0" xfId="9" applyAlignment="1">
      <alignment horizontal="center" vertical="center"/>
    </xf>
    <xf numFmtId="177" fontId="1" fillId="4" borderId="16" xfId="9" applyNumberFormat="1" applyFont="1" applyFill="1" applyBorder="1" applyAlignment="1">
      <alignment horizontal="left" vertical="top" wrapText="1"/>
    </xf>
    <xf numFmtId="177" fontId="4" fillId="4" borderId="16" xfId="9" applyNumberFormat="1" applyFill="1" applyBorder="1" applyAlignment="1">
      <alignment horizontal="left" vertical="top" wrapText="1"/>
    </xf>
    <xf numFmtId="0" fontId="1" fillId="0" borderId="3" xfId="9" applyFont="1" applyBorder="1" applyAlignment="1">
      <alignment horizontal="center" vertical="center" shrinkToFit="1"/>
    </xf>
    <xf numFmtId="0" fontId="4" fillId="0" borderId="3" xfId="9" applyBorder="1" applyAlignment="1">
      <alignment horizontal="center" vertical="center" shrinkToFit="1"/>
    </xf>
    <xf numFmtId="49" fontId="4" fillId="0" borderId="20" xfId="9" applyNumberFormat="1" applyBorder="1" applyAlignment="1">
      <alignment horizontal="center"/>
    </xf>
    <xf numFmtId="49" fontId="4" fillId="0" borderId="24" xfId="9" applyNumberFormat="1" applyBorder="1" applyAlignment="1">
      <alignment horizontal="center"/>
    </xf>
    <xf numFmtId="49" fontId="4" fillId="0" borderId="21" xfId="9" applyNumberFormat="1" applyBorder="1" applyAlignment="1">
      <alignment horizontal="center"/>
    </xf>
    <xf numFmtId="177" fontId="4" fillId="0" borderId="0" xfId="9" applyNumberFormat="1" applyAlignment="1">
      <alignment horizontal="center"/>
    </xf>
    <xf numFmtId="0" fontId="4" fillId="0" borderId="0" xfId="9" applyAlignment="1">
      <alignment vertical="center"/>
    </xf>
    <xf numFmtId="0" fontId="1" fillId="0" borderId="8" xfId="9" applyFont="1" applyBorder="1" applyAlignment="1">
      <alignment horizontal="center" vertical="center" shrinkToFit="1"/>
    </xf>
    <xf numFmtId="0" fontId="4" fillId="0" borderId="8" xfId="9" applyBorder="1" applyAlignment="1">
      <alignment horizontal="center" vertical="center" shrinkToFit="1"/>
    </xf>
    <xf numFmtId="0" fontId="3" fillId="0" borderId="0" xfId="9" applyFont="1" applyAlignment="1">
      <alignment horizontal="left" vertical="center" wrapText="1"/>
    </xf>
    <xf numFmtId="0" fontId="3" fillId="0" borderId="9" xfId="9" applyFont="1" applyBorder="1" applyAlignment="1">
      <alignment horizontal="center" vertical="center"/>
    </xf>
    <xf numFmtId="0" fontId="4" fillId="0" borderId="8" xfId="9" applyBorder="1" applyAlignment="1">
      <alignment horizontal="center" vertical="center"/>
    </xf>
    <xf numFmtId="0" fontId="4" fillId="0" borderId="7" xfId="9" applyBorder="1" applyAlignment="1">
      <alignment horizontal="center" vertical="center"/>
    </xf>
    <xf numFmtId="0" fontId="4" fillId="0" borderId="0" xfId="9" applyNumberFormat="1" applyAlignment="1">
      <alignment horizontal="center"/>
    </xf>
    <xf numFmtId="0" fontId="4" fillId="0" borderId="9" xfId="9" applyBorder="1" applyAlignment="1">
      <alignment horizontal="center" vertical="center" wrapText="1"/>
    </xf>
    <xf numFmtId="0" fontId="4" fillId="0" borderId="8" xfId="9" applyBorder="1" applyAlignment="1">
      <alignment horizontal="center" vertical="center" wrapText="1"/>
    </xf>
    <xf numFmtId="0" fontId="4" fillId="0" borderId="7" xfId="9" applyBorder="1" applyAlignment="1">
      <alignment horizontal="center" vertical="center" wrapText="1"/>
    </xf>
    <xf numFmtId="0" fontId="1" fillId="0" borderId="9" xfId="9" applyFont="1" applyBorder="1" applyAlignment="1">
      <alignment vertical="center" wrapText="1"/>
    </xf>
    <xf numFmtId="0" fontId="4" fillId="0" borderId="8" xfId="9" applyBorder="1" applyAlignment="1">
      <alignment vertical="center" wrapText="1"/>
    </xf>
    <xf numFmtId="0" fontId="4" fillId="0" borderId="7" xfId="9" applyBorder="1" applyAlignment="1">
      <alignment vertical="center" wrapText="1"/>
    </xf>
    <xf numFmtId="0" fontId="1" fillId="0" borderId="9" xfId="9" applyFont="1" applyBorder="1" applyAlignment="1">
      <alignment horizontal="center" vertical="center" wrapText="1"/>
    </xf>
    <xf numFmtId="0" fontId="4" fillId="0" borderId="0" xfId="9" applyAlignment="1">
      <alignment horizontal="left"/>
    </xf>
    <xf numFmtId="0" fontId="1" fillId="0" borderId="0" xfId="9" applyFont="1" applyAlignment="1">
      <alignment vertical="center" wrapText="1"/>
    </xf>
    <xf numFmtId="0" fontId="4" fillId="0" borderId="0" xfId="9" applyAlignment="1">
      <alignment vertical="center" wrapText="1"/>
    </xf>
    <xf numFmtId="0" fontId="4" fillId="0" borderId="25" xfId="9" applyBorder="1" applyAlignment="1">
      <alignment horizontal="left" vertical="top" wrapText="1"/>
    </xf>
    <xf numFmtId="0" fontId="4" fillId="0" borderId="28" xfId="9" applyBorder="1" applyAlignment="1">
      <alignment horizontal="left" vertical="top" wrapText="1"/>
    </xf>
    <xf numFmtId="0" fontId="4" fillId="0" borderId="23" xfId="9" applyBorder="1" applyAlignment="1">
      <alignment horizontal="left" vertical="top" wrapText="1"/>
    </xf>
    <xf numFmtId="0" fontId="4" fillId="0" borderId="0" xfId="9" applyAlignment="1">
      <alignment horizontal="right"/>
    </xf>
    <xf numFmtId="0" fontId="1" fillId="0" borderId="3" xfId="9" applyFont="1" applyBorder="1" applyAlignment="1">
      <alignment horizontal="center" shrinkToFit="1"/>
    </xf>
    <xf numFmtId="0" fontId="4" fillId="0" borderId="3" xfId="9" applyBorder="1" applyAlignment="1">
      <alignment horizontal="center" shrinkToFit="1"/>
    </xf>
    <xf numFmtId="0" fontId="18" fillId="0" borderId="0" xfId="9" applyFont="1" applyAlignment="1">
      <alignment horizontal="center" shrinkToFit="1"/>
    </xf>
    <xf numFmtId="0" fontId="4" fillId="0" borderId="0" xfId="9" applyAlignment="1">
      <alignment horizontal="center"/>
    </xf>
    <xf numFmtId="0" fontId="1" fillId="0" borderId="0" xfId="9" applyFont="1" applyAlignment="1">
      <alignment wrapText="1"/>
    </xf>
    <xf numFmtId="0" fontId="4" fillId="0" borderId="0" xfId="9" applyAlignment="1">
      <alignment wrapText="1"/>
    </xf>
    <xf numFmtId="0" fontId="4" fillId="0" borderId="0" xfId="9" applyAlignment="1">
      <alignment horizontal="right" shrinkToFit="1"/>
    </xf>
    <xf numFmtId="0" fontId="1" fillId="0" borderId="8" xfId="9" applyFont="1" applyBorder="1" applyAlignment="1">
      <alignment horizontal="center" shrinkToFit="1"/>
    </xf>
    <xf numFmtId="0" fontId="4" fillId="0" borderId="8" xfId="9" applyBorder="1" applyAlignment="1">
      <alignment horizontal="center" shrinkToFit="1"/>
    </xf>
    <xf numFmtId="0" fontId="4" fillId="0" borderId="0" xfId="9" applyAlignment="1">
      <alignment horizontal="left" wrapText="1"/>
    </xf>
    <xf numFmtId="0" fontId="30" fillId="0" borderId="3" xfId="9" applyFont="1" applyBorder="1" applyAlignment="1">
      <alignment horizontal="center"/>
    </xf>
    <xf numFmtId="0" fontId="4" fillId="0" borderId="9" xfId="9" applyBorder="1" applyAlignment="1">
      <alignment horizontal="center" vertical="center"/>
    </xf>
  </cellXfs>
  <cellStyles count="13">
    <cellStyle name="ハイパーリンク" xfId="12" builtinId="8"/>
    <cellStyle name="桁区切り 2 10" xfId="2"/>
    <cellStyle name="標準" xfId="0" builtinId="0"/>
    <cellStyle name="標準 2" xfId="1"/>
    <cellStyle name="標準 2 2" xfId="3"/>
    <cellStyle name="標準 2 3" xfId="4"/>
    <cellStyle name="標準 2 4" xfId="7"/>
    <cellStyle name="標準 2 5" xfId="10"/>
    <cellStyle name="標準 3" xfId="6"/>
    <cellStyle name="標準 4" xfId="5"/>
    <cellStyle name="標準 5" xfId="8"/>
    <cellStyle name="標準 6" xfId="9"/>
    <cellStyle name="標準 7" xfId="11"/>
  </cellStyles>
  <dxfs count="26">
    <dxf>
      <fill>
        <patternFill>
          <bgColor rgb="FFFFFF66"/>
        </patternFill>
      </fill>
    </dxf>
    <dxf>
      <fill>
        <patternFill>
          <bgColor rgb="FFFFFF66"/>
        </patternFill>
      </fill>
    </dxf>
    <dxf>
      <fill>
        <patternFill>
          <bgColor indexed="10"/>
        </patternFill>
      </fill>
    </dxf>
    <dxf>
      <fill>
        <patternFill>
          <bgColor rgb="FFFFFF66"/>
        </patternFill>
      </fill>
    </dxf>
    <dxf>
      <fill>
        <patternFill>
          <bgColor rgb="FFFFFF66"/>
        </patternFill>
      </fill>
    </dxf>
    <dxf>
      <fill>
        <patternFill>
          <bgColor rgb="FFFFFF66"/>
        </patternFill>
      </fill>
    </dxf>
    <dxf>
      <fill>
        <patternFill>
          <bgColor rgb="FFFFFF66"/>
        </patternFill>
      </fill>
    </dxf>
    <dxf>
      <fill>
        <patternFill>
          <bgColor rgb="FFFFFF66"/>
        </patternFill>
      </fill>
    </dxf>
    <dxf>
      <fill>
        <patternFill>
          <bgColor rgb="FFFFFF66"/>
        </patternFill>
      </fill>
    </dxf>
    <dxf>
      <fill>
        <patternFill>
          <bgColor rgb="FFFFFF66"/>
        </patternFill>
      </fill>
    </dxf>
    <dxf>
      <fill>
        <patternFill>
          <bgColor rgb="FFFFFF66"/>
        </patternFill>
      </fill>
    </dxf>
    <dxf>
      <fill>
        <patternFill>
          <bgColor rgb="FFFFFF66"/>
        </patternFill>
      </fill>
    </dxf>
    <dxf>
      <fill>
        <patternFill>
          <bgColor rgb="FFFFFF66"/>
        </patternFill>
      </fill>
    </dxf>
    <dxf>
      <fill>
        <patternFill>
          <bgColor indexed="10"/>
        </patternFill>
      </fill>
    </dxf>
    <dxf>
      <fill>
        <patternFill>
          <bgColor rgb="FFFFFF66"/>
        </patternFill>
      </fill>
    </dxf>
    <dxf>
      <fill>
        <patternFill>
          <bgColor rgb="FFFFFF66"/>
        </patternFill>
      </fill>
    </dxf>
    <dxf>
      <fill>
        <patternFill>
          <bgColor rgb="FFFFFF66"/>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s>
  <tableStyles count="0" defaultTableStyle="TableStyleMedium2" defaultPivotStyle="PivotStyleLight16"/>
  <colors>
    <mruColors>
      <color rgb="FFFFFF66"/>
      <color rgb="FFFFFF99"/>
      <color rgb="FFCC0000"/>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4.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3.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2.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ctrlProps/ctrlProp1.xml><?xml version="1.0" encoding="utf-8"?>
<formControlPr xmlns="http://schemas.microsoft.com/office/spreadsheetml/2009/9/main" objectType="CheckBox" fmlaLink="#REF!" lockText="1" noThreeD="1"/>
</file>

<file path=xl/ctrlProps/ctrlProp2.xml><?xml version="1.0" encoding="utf-8"?>
<formControlPr xmlns="http://schemas.microsoft.com/office/spreadsheetml/2009/9/main" objectType="CheckBox" fmlaLink="#REF!" lockText="1" noThreeD="1"/>
</file>

<file path=xl/ctrlProps/ctrlProp3.xml><?xml version="1.0" encoding="utf-8"?>
<formControlPr xmlns="http://schemas.microsoft.com/office/spreadsheetml/2009/9/main" objectType="CheckBox" fmlaLink="#REF!" lockText="1" noThreeD="1"/>
</file>

<file path=xl/ctrlProps/ctrlProp4.xml><?xml version="1.0" encoding="utf-8"?>
<formControlPr xmlns="http://schemas.microsoft.com/office/spreadsheetml/2009/9/main" objectType="CheckBox" fmlaLink="#REF!" lockText="1" noThreeD="1"/>
</file>

<file path=xl/ctrlProps/ctrlProp5.xml><?xml version="1.0" encoding="utf-8"?>
<formControlPr xmlns="http://schemas.microsoft.com/office/spreadsheetml/2009/9/main" objectType="CheckBox" fmlaLink="#REF!" lockText="1" noThreeD="1"/>
</file>

<file path=xl/ctrlProps/ctrlProp6.xml><?xml version="1.0" encoding="utf-8"?>
<formControlPr xmlns="http://schemas.microsoft.com/office/spreadsheetml/2009/9/main" objectType="CheckBox" fmlaLink="#REF!" lockText="1" noThreeD="1"/>
</file>

<file path=xl/ctrlProps/ctrlProp7.xml><?xml version="1.0" encoding="utf-8"?>
<formControlPr xmlns="http://schemas.microsoft.com/office/spreadsheetml/2009/9/main" objectType="CheckBox" fmlaLink="#REF!" lockText="1" noThreeD="1"/>
</file>

<file path=xl/ctrlProps/ctrlProp8.xml><?xml version="1.0" encoding="utf-8"?>
<formControlPr xmlns="http://schemas.microsoft.com/office/spreadsheetml/2009/9/main" objectType="CheckBox" fmlaLink="#REF!" lockText="1" noThreeD="1"/>
</file>

<file path=xl/drawings/drawing1.xml><?xml version="1.0" encoding="utf-8"?>
<xdr:wsDr xmlns:xdr="http://schemas.openxmlformats.org/drawingml/2006/spreadsheetDrawing" xmlns:a="http://schemas.openxmlformats.org/drawingml/2006/main">
  <xdr:twoCellAnchor>
    <xdr:from>
      <xdr:col>19</xdr:col>
      <xdr:colOff>0</xdr:colOff>
      <xdr:row>4</xdr:row>
      <xdr:rowOff>0</xdr:rowOff>
    </xdr:from>
    <xdr:to>
      <xdr:col>20</xdr:col>
      <xdr:colOff>0</xdr:colOff>
      <xdr:row>5</xdr:row>
      <xdr:rowOff>0</xdr:rowOff>
    </xdr:to>
    <xdr:sp macro="" textlink="">
      <xdr:nvSpPr>
        <xdr:cNvPr id="3" name="正方形/長方形 2"/>
        <xdr:cNvSpPr/>
      </xdr:nvSpPr>
      <xdr:spPr>
        <a:xfrm>
          <a:off x="6057900" y="259080"/>
          <a:ext cx="617220" cy="281940"/>
        </a:xfrm>
        <a:prstGeom prst="rect">
          <a:avLst/>
        </a:prstGeom>
        <a:solidFill>
          <a:srgbClr val="FFFF66"/>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14300</xdr:colOff>
          <xdr:row>4</xdr:row>
          <xdr:rowOff>0</xdr:rowOff>
        </xdr:from>
        <xdr:to>
          <xdr:col>2</xdr:col>
          <xdr:colOff>19050</xdr:colOff>
          <xdr:row>5</xdr:row>
          <xdr:rowOff>38100</xdr:rowOff>
        </xdr:to>
        <xdr:sp macro="" textlink="">
          <xdr:nvSpPr>
            <xdr:cNvPr id="28673" name="Check Box 1" hidden="1">
              <a:extLst>
                <a:ext uri="{63B3BB69-23CF-44E3-9099-C40C66FF867C}">
                  <a14:compatExt spid="_x0000_s286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4</xdr:row>
          <xdr:rowOff>285750</xdr:rowOff>
        </xdr:from>
        <xdr:to>
          <xdr:col>2</xdr:col>
          <xdr:colOff>19050</xdr:colOff>
          <xdr:row>6</xdr:row>
          <xdr:rowOff>19050</xdr:rowOff>
        </xdr:to>
        <xdr:sp macro="" textlink="">
          <xdr:nvSpPr>
            <xdr:cNvPr id="28674" name="Check Box 2" hidden="1">
              <a:extLst>
                <a:ext uri="{63B3BB69-23CF-44E3-9099-C40C66FF867C}">
                  <a14:compatExt spid="_x0000_s286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2</xdr:col>
      <xdr:colOff>0</xdr:colOff>
      <xdr:row>1</xdr:row>
      <xdr:rowOff>0</xdr:rowOff>
    </xdr:from>
    <xdr:to>
      <xdr:col>13</xdr:col>
      <xdr:colOff>0</xdr:colOff>
      <xdr:row>2</xdr:row>
      <xdr:rowOff>0</xdr:rowOff>
    </xdr:to>
    <xdr:sp macro="" textlink="">
      <xdr:nvSpPr>
        <xdr:cNvPr id="6" name="正方形/長方形 5"/>
        <xdr:cNvSpPr/>
      </xdr:nvSpPr>
      <xdr:spPr>
        <a:xfrm>
          <a:off x="6743700" y="171450"/>
          <a:ext cx="685800" cy="533400"/>
        </a:xfrm>
        <a:prstGeom prst="rect">
          <a:avLst/>
        </a:prstGeom>
        <a:solidFill>
          <a:srgbClr val="FFFF66"/>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12</xdr:col>
      <xdr:colOff>64606</xdr:colOff>
      <xdr:row>18</xdr:row>
      <xdr:rowOff>781878</xdr:rowOff>
    </xdr:from>
    <xdr:ext cx="3119077" cy="275717"/>
    <xdr:sp macro="" textlink="">
      <xdr:nvSpPr>
        <xdr:cNvPr id="8" name="テキスト ボックス 7"/>
        <xdr:cNvSpPr txBox="1"/>
      </xdr:nvSpPr>
      <xdr:spPr>
        <a:xfrm>
          <a:off x="6808306" y="8030403"/>
          <a:ext cx="3119077" cy="275717"/>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t>貴社が</a:t>
          </a:r>
          <a:r>
            <a:rPr kumimoji="1" lang="en-US" altLang="ja-JP" sz="1100"/>
            <a:t>PR</a:t>
          </a:r>
          <a:r>
            <a:rPr kumimoji="1" lang="ja-JP" altLang="en-US" sz="1100"/>
            <a:t>したいプランの内容を記載してください。</a:t>
          </a:r>
        </a:p>
      </xdr:txBody>
    </xdr:sp>
    <xdr:clientData/>
  </xdr:oneCellAnchor>
  <xdr:oneCellAnchor>
    <xdr:from>
      <xdr:col>12</xdr:col>
      <xdr:colOff>0</xdr:colOff>
      <xdr:row>4</xdr:row>
      <xdr:rowOff>0</xdr:rowOff>
    </xdr:from>
    <xdr:ext cx="2339008" cy="275717"/>
    <xdr:sp macro="" textlink="">
      <xdr:nvSpPr>
        <xdr:cNvPr id="9" name="テキスト ボックス 8"/>
        <xdr:cNvSpPr txBox="1"/>
      </xdr:nvSpPr>
      <xdr:spPr>
        <a:xfrm>
          <a:off x="6743700" y="1104900"/>
          <a:ext cx="2339008" cy="275717"/>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t>いずれか一つを選択してください。</a:t>
          </a:r>
        </a:p>
      </xdr:txBody>
    </xdr:sp>
    <xdr:clientData/>
  </xdr:oneCellAnchor>
  <xdr:oneCellAnchor>
    <xdr:from>
      <xdr:col>12</xdr:col>
      <xdr:colOff>16565</xdr:colOff>
      <xdr:row>28</xdr:row>
      <xdr:rowOff>0</xdr:rowOff>
    </xdr:from>
    <xdr:ext cx="3119077" cy="275717"/>
    <xdr:sp macro="" textlink="">
      <xdr:nvSpPr>
        <xdr:cNvPr id="11" name="テキスト ボックス 10"/>
        <xdr:cNvSpPr txBox="1"/>
      </xdr:nvSpPr>
      <xdr:spPr>
        <a:xfrm>
          <a:off x="6760265" y="11789051"/>
          <a:ext cx="3119077" cy="275717"/>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ja-JP" sz="1100">
              <a:solidFill>
                <a:schemeClr val="tx1"/>
              </a:solidFill>
              <a:effectLst/>
              <a:latin typeface="+mn-lt"/>
              <a:ea typeface="+mn-ea"/>
              <a:cs typeface="+mn-cs"/>
            </a:rPr>
            <a:t>足りない場合は行を増やして記載してください</a:t>
          </a:r>
          <a:r>
            <a:rPr kumimoji="1" lang="ja-JP" altLang="en-US" sz="1100">
              <a:solidFill>
                <a:schemeClr val="tx1"/>
              </a:solidFill>
              <a:effectLst/>
              <a:latin typeface="+mn-lt"/>
              <a:ea typeface="+mn-ea"/>
              <a:cs typeface="+mn-cs"/>
            </a:rPr>
            <a:t>。</a:t>
          </a:r>
          <a:endParaRPr lang="ja-JP" altLang="ja-JP">
            <a:effectLst/>
          </a:endParaRPr>
        </a:p>
      </xdr:txBody>
    </xdr:sp>
    <xdr:clientData/>
  </xdr:oneCellAnchor>
  <xdr:oneCellAnchor>
    <xdr:from>
      <xdr:col>12</xdr:col>
      <xdr:colOff>24847</xdr:colOff>
      <xdr:row>7</xdr:row>
      <xdr:rowOff>157370</xdr:rowOff>
    </xdr:from>
    <xdr:ext cx="3669195" cy="1731065"/>
    <xdr:sp macro="" textlink="">
      <xdr:nvSpPr>
        <xdr:cNvPr id="12" name="テキスト ボックス 11"/>
        <xdr:cNvSpPr txBox="1"/>
      </xdr:nvSpPr>
      <xdr:spPr>
        <a:xfrm>
          <a:off x="6775173" y="2136913"/>
          <a:ext cx="3669195" cy="1731065"/>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100"/>
            <a:t>〇設置費用算出の条件は任意となります。特に示したい条件がない場合には、以下の条件で記載してください。</a:t>
          </a:r>
          <a:endParaRPr kumimoji="1" lang="en-US" altLang="ja-JP" sz="1100"/>
        </a:p>
        <a:p>
          <a:r>
            <a:rPr kumimoji="1" lang="ja-JP" altLang="en-US" sz="1100"/>
            <a:t>建物の種類：戸建住宅　階数２</a:t>
          </a:r>
          <a:endParaRPr kumimoji="1" lang="en-US" altLang="ja-JP" sz="1100"/>
        </a:p>
        <a:p>
          <a:r>
            <a:rPr kumimoji="1" lang="ja-JP" altLang="en-US" sz="1100"/>
            <a:t>屋根の素材：スレート、ガルバリウム鋼板又は同等品</a:t>
          </a:r>
          <a:endParaRPr kumimoji="1" lang="en-US" altLang="ja-JP" sz="1100"/>
        </a:p>
        <a:p>
          <a:r>
            <a:rPr kumimoji="1" lang="ja-JP" altLang="en-US" sz="1100"/>
            <a:t>屋根の形状：切妻屋根</a:t>
          </a:r>
          <a:endParaRPr kumimoji="1" lang="en-US" altLang="ja-JP" sz="1100"/>
        </a:p>
        <a:p>
          <a:r>
            <a:rPr kumimoji="1" lang="ja-JP" altLang="en-US" sz="1100"/>
            <a:t>設置面：１面</a:t>
          </a:r>
          <a:endParaRPr kumimoji="1" lang="en-US" altLang="ja-JP" sz="1100"/>
        </a:p>
        <a:p>
          <a:r>
            <a:rPr kumimoji="1" lang="en-US" altLang="ja-JP" sz="1100"/>
            <a:t>1</a:t>
          </a:r>
          <a:r>
            <a:rPr kumimoji="1" lang="ja-JP" altLang="en-US" sz="1100"/>
            <a:t>世帯当たりの年間使用電力量：</a:t>
          </a:r>
          <a:r>
            <a:rPr kumimoji="1" lang="en-US" altLang="ja-JP" sz="1100">
              <a:latin typeface="+mn-ea"/>
              <a:ea typeface="+mn-ea"/>
            </a:rPr>
            <a:t>5,040kWh</a:t>
          </a:r>
        </a:p>
        <a:p>
          <a:r>
            <a:rPr kumimoji="1" lang="en-US" altLang="ja-JP" sz="1100">
              <a:latin typeface="+mn-ea"/>
              <a:ea typeface="+mn-ea"/>
            </a:rPr>
            <a:t>1</a:t>
          </a:r>
          <a:r>
            <a:rPr kumimoji="1" lang="ja-JP" altLang="en-US" sz="1100">
              <a:latin typeface="+mn-ea"/>
              <a:ea typeface="+mn-ea"/>
            </a:rPr>
            <a:t>世帯当たりの契約アンペア：</a:t>
          </a:r>
          <a:r>
            <a:rPr kumimoji="1" lang="en-US" altLang="ja-JP" sz="1100">
              <a:latin typeface="+mn-ea"/>
              <a:ea typeface="+mn-ea"/>
            </a:rPr>
            <a:t>50A</a:t>
          </a:r>
        </a:p>
        <a:p>
          <a:r>
            <a:rPr kumimoji="1" lang="ja-JP" altLang="en-US" sz="1100">
              <a:latin typeface="+mn-ea"/>
              <a:ea typeface="+mn-ea"/>
            </a:rPr>
            <a:t>設置容量：５</a:t>
          </a:r>
          <a:r>
            <a:rPr kumimoji="1" lang="en-US" altLang="ja-JP" sz="1100">
              <a:latin typeface="+mn-ea"/>
              <a:ea typeface="+mn-ea"/>
            </a:rPr>
            <a:t>kW</a:t>
          </a:r>
          <a:endParaRPr kumimoji="1" lang="ja-JP" altLang="en-US" sz="1100">
            <a:latin typeface="+mn-ea"/>
            <a:ea typeface="+mn-ea"/>
          </a:endParaRPr>
        </a:p>
      </xdr:txBody>
    </xdr:sp>
    <xdr:clientData/>
  </xdr:one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23825</xdr:colOff>
          <xdr:row>4</xdr:row>
          <xdr:rowOff>0</xdr:rowOff>
        </xdr:from>
        <xdr:to>
          <xdr:col>6</xdr:col>
          <xdr:colOff>28575</xdr:colOff>
          <xdr:row>5</xdr:row>
          <xdr:rowOff>38100</xdr:rowOff>
        </xdr:to>
        <xdr:sp macro="" textlink="">
          <xdr:nvSpPr>
            <xdr:cNvPr id="15362" name="Check Box 2" hidden="1">
              <a:extLst>
                <a:ext uri="{63B3BB69-23CF-44E3-9099-C40C66FF867C}">
                  <a14:compatExt spid="_x0000_s153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4</xdr:row>
          <xdr:rowOff>0</xdr:rowOff>
        </xdr:from>
        <xdr:to>
          <xdr:col>2</xdr:col>
          <xdr:colOff>19050</xdr:colOff>
          <xdr:row>5</xdr:row>
          <xdr:rowOff>38100</xdr:rowOff>
        </xdr:to>
        <xdr:sp macro="" textlink="">
          <xdr:nvSpPr>
            <xdr:cNvPr id="15363" name="Check Box 3" hidden="1">
              <a:extLst>
                <a:ext uri="{63B3BB69-23CF-44E3-9099-C40C66FF867C}">
                  <a14:compatExt spid="_x0000_s153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4</xdr:row>
          <xdr:rowOff>285750</xdr:rowOff>
        </xdr:from>
        <xdr:to>
          <xdr:col>2</xdr:col>
          <xdr:colOff>19050</xdr:colOff>
          <xdr:row>6</xdr:row>
          <xdr:rowOff>19050</xdr:rowOff>
        </xdr:to>
        <xdr:sp macro="" textlink="">
          <xdr:nvSpPr>
            <xdr:cNvPr id="15364" name="Check Box 4" hidden="1">
              <a:extLst>
                <a:ext uri="{63B3BB69-23CF-44E3-9099-C40C66FF867C}">
                  <a14:compatExt spid="_x0000_s153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3</xdr:col>
      <xdr:colOff>0</xdr:colOff>
      <xdr:row>1</xdr:row>
      <xdr:rowOff>0</xdr:rowOff>
    </xdr:from>
    <xdr:to>
      <xdr:col>14</xdr:col>
      <xdr:colOff>0</xdr:colOff>
      <xdr:row>2</xdr:row>
      <xdr:rowOff>0</xdr:rowOff>
    </xdr:to>
    <xdr:sp macro="" textlink="">
      <xdr:nvSpPr>
        <xdr:cNvPr id="13" name="正方形/長方形 12"/>
        <xdr:cNvSpPr/>
      </xdr:nvSpPr>
      <xdr:spPr>
        <a:xfrm>
          <a:off x="6165850" y="165100"/>
          <a:ext cx="628650" cy="285750"/>
        </a:xfrm>
        <a:prstGeom prst="rect">
          <a:avLst/>
        </a:prstGeom>
        <a:solidFill>
          <a:srgbClr val="FFFF66"/>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13</xdr:col>
      <xdr:colOff>92765</xdr:colOff>
      <xdr:row>55</xdr:row>
      <xdr:rowOff>0</xdr:rowOff>
    </xdr:from>
    <xdr:ext cx="2959593" cy="275717"/>
    <xdr:sp macro="" textlink="">
      <xdr:nvSpPr>
        <xdr:cNvPr id="15" name="テキスト ボックス 14"/>
        <xdr:cNvSpPr txBox="1"/>
      </xdr:nvSpPr>
      <xdr:spPr>
        <a:xfrm>
          <a:off x="6228522" y="33799669"/>
          <a:ext cx="2959593" cy="275717"/>
        </a:xfrm>
        <a:prstGeom prst="rect">
          <a:avLst/>
        </a:prstGeom>
        <a:solidFill>
          <a:schemeClr val="bg1"/>
        </a:solidFill>
        <a:ln w="1905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足りない場合は行を増やして記載してください。</a:t>
          </a:r>
        </a:p>
      </xdr:txBody>
    </xdr:sp>
    <xdr:clientData/>
  </xdr:oneCellAnchor>
  <xdr:oneCellAnchor>
    <xdr:from>
      <xdr:col>13</xdr:col>
      <xdr:colOff>39756</xdr:colOff>
      <xdr:row>45</xdr:row>
      <xdr:rowOff>768627</xdr:rowOff>
    </xdr:from>
    <xdr:ext cx="3068404" cy="275717"/>
    <xdr:sp macro="" textlink="">
      <xdr:nvSpPr>
        <xdr:cNvPr id="16" name="テキスト ボックス 15"/>
        <xdr:cNvSpPr txBox="1"/>
      </xdr:nvSpPr>
      <xdr:spPr>
        <a:xfrm>
          <a:off x="6175513" y="28684331"/>
          <a:ext cx="3068404" cy="275717"/>
        </a:xfrm>
        <a:prstGeom prst="rect">
          <a:avLst/>
        </a:prstGeom>
        <a:solidFill>
          <a:schemeClr val="bg1"/>
        </a:solidFill>
        <a:ln w="19050">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ja-JP" sz="1100" b="0" u="none">
              <a:solidFill>
                <a:schemeClr val="tx1"/>
              </a:solidFill>
              <a:effectLst/>
              <a:latin typeface="+mn-lt"/>
              <a:ea typeface="+mn-ea"/>
              <a:cs typeface="+mn-cs"/>
            </a:rPr>
            <a:t>貴社がＰＲしたいプランの内容を記載してください</a:t>
          </a:r>
          <a:endParaRPr kumimoji="1" lang="ja-JP" altLang="en-US" sz="1100" b="0" u="none"/>
        </a:p>
      </xdr:txBody>
    </xdr:sp>
    <xdr:clientData/>
  </xdr:oneCellAnchor>
  <xdr:oneCellAnchor>
    <xdr:from>
      <xdr:col>13</xdr:col>
      <xdr:colOff>0</xdr:colOff>
      <xdr:row>4</xdr:row>
      <xdr:rowOff>0</xdr:rowOff>
    </xdr:from>
    <xdr:ext cx="3119077" cy="275717"/>
    <xdr:sp macro="" textlink="">
      <xdr:nvSpPr>
        <xdr:cNvPr id="12" name="テキスト ボックス 11"/>
        <xdr:cNvSpPr txBox="1"/>
      </xdr:nvSpPr>
      <xdr:spPr>
        <a:xfrm>
          <a:off x="6135757" y="854765"/>
          <a:ext cx="3119077" cy="275717"/>
        </a:xfrm>
        <a:prstGeom prst="rect">
          <a:avLst/>
        </a:prstGeom>
        <a:solidFill>
          <a:schemeClr val="bg1"/>
        </a:solidFill>
        <a:ln w="28575">
          <a:solidFill>
            <a:srgbClr val="FF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t>いずれか一つを選択してください。</a:t>
          </a:r>
        </a:p>
      </xdr:txBody>
    </xdr:sp>
    <xdr:clientData/>
  </xdr:one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23825</xdr:colOff>
          <xdr:row>4</xdr:row>
          <xdr:rowOff>0</xdr:rowOff>
        </xdr:from>
        <xdr:to>
          <xdr:col>6</xdr:col>
          <xdr:colOff>28575</xdr:colOff>
          <xdr:row>5</xdr:row>
          <xdr:rowOff>38100</xdr:rowOff>
        </xdr:to>
        <xdr:sp macro="" textlink="">
          <xdr:nvSpPr>
            <xdr:cNvPr id="38913" name="Check Box 1" hidden="1">
              <a:extLst>
                <a:ext uri="{63B3BB69-23CF-44E3-9099-C40C66FF867C}">
                  <a14:compatExt spid="_x0000_s389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4</xdr:row>
          <xdr:rowOff>0</xdr:rowOff>
        </xdr:from>
        <xdr:to>
          <xdr:col>2</xdr:col>
          <xdr:colOff>19050</xdr:colOff>
          <xdr:row>5</xdr:row>
          <xdr:rowOff>38100</xdr:rowOff>
        </xdr:to>
        <xdr:sp macro="" textlink="">
          <xdr:nvSpPr>
            <xdr:cNvPr id="38914" name="Check Box 2" hidden="1">
              <a:extLst>
                <a:ext uri="{63B3BB69-23CF-44E3-9099-C40C66FF867C}">
                  <a14:compatExt spid="_x0000_s389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4</xdr:row>
          <xdr:rowOff>285750</xdr:rowOff>
        </xdr:from>
        <xdr:to>
          <xdr:col>2</xdr:col>
          <xdr:colOff>19050</xdr:colOff>
          <xdr:row>6</xdr:row>
          <xdr:rowOff>19050</xdr:rowOff>
        </xdr:to>
        <xdr:sp macro="" textlink="">
          <xdr:nvSpPr>
            <xdr:cNvPr id="38915" name="Check Box 3" hidden="1">
              <a:extLst>
                <a:ext uri="{63B3BB69-23CF-44E3-9099-C40C66FF867C}">
                  <a14:compatExt spid="_x0000_s389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2</xdr:col>
      <xdr:colOff>0</xdr:colOff>
      <xdr:row>1</xdr:row>
      <xdr:rowOff>0</xdr:rowOff>
    </xdr:from>
    <xdr:to>
      <xdr:col>13</xdr:col>
      <xdr:colOff>0</xdr:colOff>
      <xdr:row>2</xdr:row>
      <xdr:rowOff>0</xdr:rowOff>
    </xdr:to>
    <xdr:sp macro="" textlink="">
      <xdr:nvSpPr>
        <xdr:cNvPr id="6" name="正方形/長方形 5"/>
        <xdr:cNvSpPr/>
      </xdr:nvSpPr>
      <xdr:spPr>
        <a:xfrm>
          <a:off x="6179820" y="167640"/>
          <a:ext cx="617220" cy="281940"/>
        </a:xfrm>
        <a:prstGeom prst="rect">
          <a:avLst/>
        </a:prstGeom>
        <a:solidFill>
          <a:srgbClr val="FFFF66"/>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8</xdr:col>
      <xdr:colOff>28575</xdr:colOff>
      <xdr:row>27</xdr:row>
      <xdr:rowOff>0</xdr:rowOff>
    </xdr:from>
    <xdr:to>
      <xdr:col>16</xdr:col>
      <xdr:colOff>104775</xdr:colOff>
      <xdr:row>32</xdr:row>
      <xdr:rowOff>56030</xdr:rowOff>
    </xdr:to>
    <xdr:sp macro="" textlink="">
      <xdr:nvSpPr>
        <xdr:cNvPr id="2" name="大かっこ 1"/>
        <xdr:cNvSpPr/>
      </xdr:nvSpPr>
      <xdr:spPr>
        <a:xfrm>
          <a:off x="4021455" y="8923020"/>
          <a:ext cx="2301240" cy="1389530"/>
        </a:xfrm>
        <a:prstGeom prst="bracketPair">
          <a:avLst>
            <a:gd name="adj" fmla="val 4746"/>
          </a:avLst>
        </a:prstGeom>
      </xdr:spPr>
      <xdr:style>
        <a:lnRef idx="1">
          <a:schemeClr val="dk1"/>
        </a:lnRef>
        <a:fillRef idx="0">
          <a:schemeClr val="dk1"/>
        </a:fillRef>
        <a:effectRef idx="0">
          <a:schemeClr val="dk1"/>
        </a:effectRef>
        <a:fontRef idx="minor">
          <a:schemeClr val="tx1"/>
        </a:fontRef>
      </xdr:style>
      <xdr:txBody>
        <a:bodyPr vertOverflow="clip" rtlCol="0" anchor="ctr"/>
        <a:lstStyle/>
        <a:p>
          <a:pPr algn="ctr"/>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8</xdr:col>
      <xdr:colOff>28575</xdr:colOff>
      <xdr:row>32</xdr:row>
      <xdr:rowOff>95250</xdr:rowOff>
    </xdr:from>
    <xdr:to>
      <xdr:col>16</xdr:col>
      <xdr:colOff>104775</xdr:colOff>
      <xdr:row>42</xdr:row>
      <xdr:rowOff>57149</xdr:rowOff>
    </xdr:to>
    <xdr:sp macro="" textlink="">
      <xdr:nvSpPr>
        <xdr:cNvPr id="3" name="大かっこ 2"/>
        <xdr:cNvSpPr/>
      </xdr:nvSpPr>
      <xdr:spPr>
        <a:xfrm>
          <a:off x="4265295" y="8378190"/>
          <a:ext cx="2301240" cy="1333499"/>
        </a:xfrm>
        <a:prstGeom prst="bracketPair">
          <a:avLst>
            <a:gd name="adj" fmla="val 4746"/>
          </a:avLst>
        </a:prstGeom>
      </xdr:spPr>
      <xdr:style>
        <a:lnRef idx="1">
          <a:schemeClr val="dk1"/>
        </a:lnRef>
        <a:fillRef idx="0">
          <a:schemeClr val="dk1"/>
        </a:fillRef>
        <a:effectRef idx="0">
          <a:schemeClr val="dk1"/>
        </a:effectRef>
        <a:fontRef idx="minor">
          <a:schemeClr val="tx1"/>
        </a:fontRef>
      </xdr:style>
      <xdr:txBody>
        <a:bodyPr vertOverflow="clip" rtlCol="0" anchor="ctr"/>
        <a:lstStyle/>
        <a:p>
          <a:pPr algn="ctr"/>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8</xdr:col>
      <xdr:colOff>28575</xdr:colOff>
      <xdr:row>32</xdr:row>
      <xdr:rowOff>95250</xdr:rowOff>
    </xdr:from>
    <xdr:to>
      <xdr:col>16</xdr:col>
      <xdr:colOff>104775</xdr:colOff>
      <xdr:row>42</xdr:row>
      <xdr:rowOff>57149</xdr:rowOff>
    </xdr:to>
    <xdr:sp macro="" textlink="">
      <xdr:nvSpPr>
        <xdr:cNvPr id="3" name="大かっこ 2"/>
        <xdr:cNvSpPr/>
      </xdr:nvSpPr>
      <xdr:spPr>
        <a:xfrm>
          <a:off x="4189095" y="7821930"/>
          <a:ext cx="2301240" cy="1333499"/>
        </a:xfrm>
        <a:prstGeom prst="bracketPair">
          <a:avLst>
            <a:gd name="adj" fmla="val 4746"/>
          </a:avLst>
        </a:prstGeom>
      </xdr:spPr>
      <xdr:style>
        <a:lnRef idx="1">
          <a:schemeClr val="dk1"/>
        </a:lnRef>
        <a:fillRef idx="0">
          <a:schemeClr val="dk1"/>
        </a:fillRef>
        <a:effectRef idx="0">
          <a:schemeClr val="dk1"/>
        </a:effectRef>
        <a:fontRef idx="minor">
          <a:schemeClr val="tx1"/>
        </a:fontRef>
      </xdr:style>
      <xdr:txBody>
        <a:bodyPr vertOverflow="clip" rtlCol="0" anchor="ctr"/>
        <a:lstStyle/>
        <a:p>
          <a:pPr algn="ctr"/>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26481;&#20140;&#37117;&#22320;&#29699;&#28201;&#26262;&#21270;&#38450;&#27490;&#27963;&#21205;&#25512;&#36914;&#12475;&#12531;&#12479;&#12540;\&#21109;&#12456;&#12493;&#25903;&#25588;&#12481;&#12540;&#12512;\&#65320;&#65298;&#65304;\&#22320;&#29987;&#22320;&#28040;&#22411;&#20877;&#29983;&#21487;&#33021;&#12456;&#12493;&#12523;&#12462;&#12540;&#23566;&#20837;&#25313;&#22823;&#20107;&#26989;\SII_&#20877;&#29983;&#21487;&#33021;&#12456;&#12493;&#12523;&#12462;&#12540;&#20107;&#26989;&#32773;&#25903;&#25588;&#20107;&#26989;&#36027;&#35036;&#21161;&#37329;\SII_H28&#23455;&#26045;&#35336;&#30011;&#26360;&#31561;&#65288;&#30330;&#38651;&#35373;&#20633;&#21450;&#12403;&#33988;&#38651;&#27744;&#21033;&#29992;&#65289;28ts_d_koufu06-1.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26481;&#20140;&#37117;&#22320;&#29699;&#28201;&#26262;&#21270;&#38450;&#27490;&#27963;&#21205;&#25512;&#36914;&#12475;&#12531;&#12479;&#12540;\&#21109;&#12456;&#12493;&#25903;&#25588;&#12481;&#12540;&#12512;\&#65320;&#65298;&#65305;\&#22320;&#29987;&#22320;&#28040;&#22411;&#20877;&#29983;&#21487;&#33021;&#12456;&#12493;&#12523;&#12462;&#12540;&#23566;&#20837;&#25313;&#22823;&#20107;&#26989;\04_&#20132;&#20184;&#35201;&#32177;\29&#24180;&#24230;&#20844;&#21215;_&#35201;&#32177;&#21046;&#23450;_&#37117;&#25215;&#35469;&#30003;&#35531;\&#31532;2&#22238;_&#27096;&#24335;\&#30906;&#23450;&#29256;\29&#27096;&#24335;1&#65374;4&#12288;&#20132;&#20184;&#30003;&#35531;&#26360;&#39006;&#19968;&#24335;.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masaki-r\Desktop\&#27096;&#24335;1-2%20&#20132;&#20184;&#30003;&#35531;&#26360;&#39006;&#19968;&#24335;.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B5sv3\&#12463;&#12540;&#12523;&#12493;&#12483;&#12488;&#20849;&#26377;\Users\center-96-pc\Documents\&#12467;&#12472;&#12455;&#12493;&#38306;&#20418;\&#35201;&#32177;\&#31532;16&#21495;&#27096;&#24335;%20&#21161;&#25104;&#20107;&#26989;&#23455;&#26045;&#35336;&#30011;&#26360;(&#21407;&#32025;)H25041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作成手順"/>
      <sheetName val="汎用入力規則リスト"/>
      <sheetName val="データ参照シート"/>
      <sheetName val="チェックリスト"/>
      <sheetName val="（別紙3）役員名簿"/>
      <sheetName val="3-1実施計画概要（発電）"/>
      <sheetName val="3-2　設備導入事業経費の配分（当年度）（発電）"/>
      <sheetName val="3-2　設備導入事業経費の配分（他年度１）（発電）"/>
      <sheetName val="3-2　設備導入事業経費の配分（他年度２）（発電）"/>
      <sheetName val="3-2　設備導入事業経費の配分（他年度３）（発電）"/>
      <sheetName val="3-2　設備導入事業経費の配分（総計）（発電）"/>
      <sheetName val="3-4　補助事業に要する経費及びその調達方法"/>
      <sheetName val="3-6　発電単価の算定について"/>
      <sheetName val="3-7　設備及び導入効果（太陽光発電）"/>
      <sheetName val="3-7　設備及び導入効果（風力発電）"/>
      <sheetName val="3-7　設備及び導入効果（バイオマス発電）"/>
      <sheetName val="3-7　設備及び導入効果（水力発電）"/>
      <sheetName val="3-7　設備及び導入効果（地熱発電）"/>
      <sheetName val="3-8　補助対象設備の機器リスト"/>
      <sheetName val="3-18　バイオマス依存率(熱利用)"/>
      <sheetName val="3-24　事業実施に関連する事項（発電）"/>
      <sheetName val="3-25　事業実施体制"/>
      <sheetName val="3-26　事業実施予定スケジュール"/>
      <sheetName val="【参考】日本標準産業中分類"/>
    </sheetNames>
    <sheetDataSet>
      <sheetData sheetId="0"/>
      <sheetData sheetId="1"/>
      <sheetData sheetId="2">
        <row r="2">
          <cell r="B2">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日本標準産業中分類"/>
      <sheetName val="記載要領"/>
      <sheetName val="基本情報"/>
      <sheetName val="第1号"/>
      <sheetName val="第2号"/>
      <sheetName val="第3号"/>
      <sheetName val="第4（太陽光）"/>
      <sheetName val="第4（風力)"/>
      <sheetName val="第4（水力)"/>
      <sheetName val="第4（地熱)"/>
      <sheetName val="第4（ﾊﾞｲｵﾏｽ発電)"/>
      <sheetName val="第4（太陽熱)"/>
      <sheetName val="第4（温度差熱)"/>
      <sheetName val="第4（地中熱)"/>
      <sheetName val="第4（ﾊﾞｲｵﾏｽ熱)"/>
      <sheetName val="別紙1"/>
      <sheetName val="別紙2"/>
      <sheetName val="別紙3"/>
      <sheetName val="別紙3 (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日本標準産業中分類"/>
      <sheetName val="記載要領"/>
      <sheetName val="基本情報"/>
      <sheetName val="第1号"/>
      <sheetName val="第2号"/>
      <sheetName val="第3号"/>
      <sheetName val="第4（太陽光）"/>
      <sheetName val="第4（風力)"/>
      <sheetName val="第4（水力)"/>
      <sheetName val="第4（地熱)"/>
      <sheetName val="第4（ﾊﾞｲｵﾏｽ発電)"/>
      <sheetName val="第4（太陽熱)"/>
      <sheetName val="第4（温度差熱)"/>
      <sheetName val="第4（地中熱)"/>
      <sheetName val="第4（ﾊﾞｲｵﾏｽ熱)"/>
      <sheetName val="別紙1"/>
      <sheetName val="別紙2"/>
      <sheetName val="別紙3"/>
      <sheetName val="別紙3 (2)"/>
    </sheetNames>
    <sheetDataSet>
      <sheetData sheetId="0" refreshError="1"/>
      <sheetData sheetId="1" refreshError="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載・印刷要領"/>
      <sheetName val="基本情報"/>
      <sheetName val="横変換"/>
      <sheetName val="業種リスト"/>
      <sheetName val="建物分類"/>
      <sheetName val="対策"/>
      <sheetName val="１"/>
      <sheetName val="17-1"/>
      <sheetName val="17-2"/>
      <sheetName val="17-3"/>
      <sheetName val="17-4"/>
      <sheetName val="17-5-1"/>
      <sheetName val="15-5-2"/>
      <sheetName val="15-6"/>
      <sheetName val="15-7"/>
      <sheetName val="15-8"/>
      <sheetName val="15-9"/>
      <sheetName val="15別1-1"/>
      <sheetName val="15別1-2"/>
      <sheetName val="15別1-3"/>
      <sheetName val="15別1-4"/>
      <sheetName val="15別1-5"/>
      <sheetName val="15別1-6"/>
      <sheetName val="15別2"/>
      <sheetName val="15別3-1"/>
      <sheetName val="15別3-2"/>
      <sheetName val="15別3-3"/>
      <sheetName val="15別4-1"/>
      <sheetName val="15別4-2"/>
      <sheetName val="15別5"/>
    </sheetNames>
    <sheetDataSet>
      <sheetData sheetId="0"/>
      <sheetData sheetId="1"/>
      <sheetData sheetId="2"/>
      <sheetData sheetId="3"/>
      <sheetData sheetId="4"/>
      <sheetData sheetId="5">
        <row r="2">
          <cell r="K2" t="str">
            <v>①製造業</v>
          </cell>
        </row>
        <row r="3">
          <cell r="K3" t="str">
            <v>①建設業</v>
          </cell>
        </row>
        <row r="4">
          <cell r="K4" t="str">
            <v>①運輸業</v>
          </cell>
        </row>
        <row r="5">
          <cell r="K5" t="str">
            <v>①その他</v>
          </cell>
        </row>
        <row r="6">
          <cell r="K6" t="str">
            <v>②卸売業</v>
          </cell>
        </row>
        <row r="7">
          <cell r="K7" t="str">
            <v>③サービス業</v>
          </cell>
        </row>
        <row r="8">
          <cell r="K8" t="str">
            <v>④小売業</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2.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5.xml"/><Relationship Id="rId5" Type="http://schemas.openxmlformats.org/officeDocument/2006/relationships/ctrlProp" Target="../ctrlProps/ctrlProp4.xml"/><Relationship Id="rId4" Type="http://schemas.openxmlformats.org/officeDocument/2006/relationships/ctrlProp" Target="../ctrlProps/ctrlProp3.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4.xml"/><Relationship Id="rId1" Type="http://schemas.openxmlformats.org/officeDocument/2006/relationships/printerSettings" Target="../printerSettings/printerSettings4.bin"/><Relationship Id="rId6" Type="http://schemas.openxmlformats.org/officeDocument/2006/relationships/ctrlProp" Target="../ctrlProps/ctrlProp8.xml"/><Relationship Id="rId5" Type="http://schemas.openxmlformats.org/officeDocument/2006/relationships/ctrlProp" Target="../ctrlProps/ctrlProp7.xml"/><Relationship Id="rId4" Type="http://schemas.openxmlformats.org/officeDocument/2006/relationships/ctrlProp" Target="../ctrlProps/ctrlProp6.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36"/>
  <sheetViews>
    <sheetView showGridLines="0" showZeros="0" tabSelected="1" view="pageBreakPreview" zoomScale="115" zoomScaleNormal="115" zoomScaleSheetLayoutView="115" workbookViewId="0"/>
  </sheetViews>
  <sheetFormatPr defaultColWidth="9" defaultRowHeight="13.5"/>
  <cols>
    <col min="1" max="1" width="1.625" style="55" customWidth="1"/>
    <col min="2" max="2" width="0.875" style="55" customWidth="1"/>
    <col min="3" max="3" width="2.625" style="55" customWidth="1"/>
    <col min="4" max="4" width="0.875" style="55" customWidth="1"/>
    <col min="5" max="5" width="13.625" style="55" customWidth="1"/>
    <col min="6" max="6" width="11.5" style="55" customWidth="1"/>
    <col min="7" max="7" width="0.75" style="55" customWidth="1"/>
    <col min="8" max="8" width="11.125" style="55" customWidth="1"/>
    <col min="9" max="9" width="9.125" style="55" customWidth="1"/>
    <col min="10" max="11" width="4.875" style="55" customWidth="1"/>
    <col min="12" max="12" width="4.625" style="55" customWidth="1"/>
    <col min="13" max="17" width="4.625" style="56" customWidth="1"/>
    <col min="18" max="18" width="1.375" style="56" customWidth="1"/>
    <col min="19" max="19" width="1.375" style="55" customWidth="1"/>
    <col min="20" max="20" width="10.625" style="55" customWidth="1"/>
    <col min="21" max="16384" width="9" style="55"/>
  </cols>
  <sheetData>
    <row r="1" spans="1:21" ht="15" customHeight="1">
      <c r="A1" s="192" t="s">
        <v>23</v>
      </c>
    </row>
    <row r="2" spans="1:21" ht="7.5" customHeight="1">
      <c r="A2" s="17"/>
      <c r="B2" s="17"/>
      <c r="E2" s="17"/>
      <c r="F2" s="17"/>
      <c r="G2" s="17"/>
      <c r="H2" s="17"/>
      <c r="I2" s="17"/>
      <c r="J2" s="17"/>
      <c r="K2" s="57"/>
      <c r="L2" s="57"/>
      <c r="M2" s="58"/>
      <c r="N2" s="58"/>
      <c r="O2" s="58"/>
      <c r="P2" s="58"/>
      <c r="Q2" s="58"/>
      <c r="R2" s="59"/>
      <c r="T2" s="56"/>
    </row>
    <row r="3" spans="1:21">
      <c r="A3" s="17"/>
      <c r="B3" s="17"/>
      <c r="E3" s="60"/>
      <c r="F3" s="61"/>
      <c r="G3" s="61"/>
      <c r="H3" s="61"/>
      <c r="I3" s="61"/>
      <c r="K3" s="62" t="s">
        <v>30</v>
      </c>
      <c r="L3" s="63"/>
      <c r="M3" s="64" t="s">
        <v>12</v>
      </c>
      <c r="N3" s="65"/>
      <c r="O3" s="66" t="s">
        <v>92</v>
      </c>
      <c r="P3" s="65"/>
      <c r="Q3" s="66" t="s">
        <v>93</v>
      </c>
      <c r="R3" s="59"/>
      <c r="T3" s="67"/>
    </row>
    <row r="4" spans="1:21" ht="9" customHeight="1">
      <c r="A4" s="17"/>
      <c r="B4" s="17"/>
      <c r="E4" s="60"/>
      <c r="F4" s="61"/>
      <c r="G4" s="61"/>
      <c r="H4" s="61"/>
      <c r="I4" s="61"/>
      <c r="J4" s="64"/>
      <c r="K4" s="64"/>
      <c r="L4" s="68"/>
      <c r="M4" s="64"/>
      <c r="N4" s="68"/>
      <c r="O4" s="69"/>
      <c r="P4" s="68"/>
      <c r="Q4" s="66"/>
      <c r="R4" s="59"/>
    </row>
    <row r="5" spans="1:21">
      <c r="A5" s="17" t="s">
        <v>29</v>
      </c>
      <c r="B5" s="17"/>
      <c r="F5" s="17"/>
      <c r="G5" s="17"/>
      <c r="H5" s="17"/>
      <c r="I5" s="17"/>
      <c r="J5" s="17"/>
      <c r="K5" s="70"/>
      <c r="L5" s="70"/>
      <c r="M5" s="17"/>
      <c r="N5" s="17"/>
      <c r="O5" s="17"/>
      <c r="P5" s="17"/>
      <c r="Q5" s="70"/>
      <c r="R5" s="59"/>
      <c r="T5" s="71"/>
      <c r="U5" s="72" t="s">
        <v>28</v>
      </c>
    </row>
    <row r="6" spans="1:21">
      <c r="A6" s="17"/>
      <c r="B6" s="17"/>
      <c r="F6" s="17"/>
      <c r="G6" s="17"/>
      <c r="H6" s="17"/>
      <c r="I6" s="17"/>
      <c r="J6" s="17"/>
      <c r="K6" s="17"/>
      <c r="L6" s="17"/>
      <c r="M6" s="59"/>
      <c r="N6" s="59"/>
      <c r="O6" s="59"/>
      <c r="P6" s="59"/>
      <c r="Q6" s="59"/>
      <c r="R6" s="59"/>
    </row>
    <row r="7" spans="1:21" ht="8.25" customHeight="1">
      <c r="B7" s="17"/>
      <c r="C7" s="17"/>
      <c r="D7" s="17"/>
      <c r="E7" s="17"/>
      <c r="F7" s="17"/>
      <c r="G7" s="17"/>
      <c r="H7" s="17"/>
      <c r="I7" s="17"/>
      <c r="J7" s="17"/>
      <c r="K7" s="17"/>
      <c r="L7" s="17"/>
      <c r="M7" s="59"/>
      <c r="N7" s="59"/>
      <c r="O7" s="59"/>
      <c r="P7" s="59"/>
      <c r="Q7" s="59"/>
      <c r="R7" s="59"/>
    </row>
    <row r="8" spans="1:21" ht="8.25" customHeight="1">
      <c r="B8" s="17"/>
      <c r="C8" s="17"/>
      <c r="D8" s="17"/>
      <c r="E8" s="17"/>
      <c r="F8" s="17"/>
      <c r="G8" s="17"/>
      <c r="H8" s="17"/>
      <c r="I8" s="17"/>
      <c r="J8" s="17"/>
      <c r="K8" s="17"/>
      <c r="L8" s="17"/>
      <c r="M8" s="59"/>
      <c r="N8" s="59"/>
      <c r="O8" s="59"/>
      <c r="P8" s="59"/>
      <c r="Q8" s="59"/>
      <c r="R8" s="59"/>
    </row>
    <row r="9" spans="1:21" ht="20.25" customHeight="1">
      <c r="B9" s="17"/>
      <c r="C9" s="17"/>
      <c r="D9" s="17"/>
      <c r="E9" s="17"/>
      <c r="F9" s="17"/>
      <c r="G9" s="17"/>
      <c r="H9" s="17"/>
      <c r="I9" s="17" t="s">
        <v>68</v>
      </c>
      <c r="J9" s="17"/>
      <c r="K9" s="17"/>
      <c r="L9" s="17"/>
      <c r="M9" s="59"/>
      <c r="N9" s="59"/>
      <c r="O9" s="59"/>
      <c r="P9" s="59"/>
      <c r="Q9" s="59"/>
      <c r="R9" s="59"/>
    </row>
    <row r="10" spans="1:21" ht="20.25" customHeight="1">
      <c r="B10" s="17"/>
      <c r="C10" s="17"/>
      <c r="D10" s="17"/>
      <c r="E10" s="17"/>
      <c r="F10" s="17"/>
      <c r="G10" s="17"/>
      <c r="I10" s="73" t="s">
        <v>94</v>
      </c>
      <c r="J10" s="203"/>
      <c r="K10" s="203"/>
      <c r="L10" s="203"/>
      <c r="M10" s="203"/>
      <c r="N10" s="203"/>
      <c r="O10" s="203"/>
      <c r="P10" s="203"/>
      <c r="Q10" s="203"/>
      <c r="R10" s="59"/>
    </row>
    <row r="11" spans="1:21" ht="20.25" customHeight="1">
      <c r="B11" s="17"/>
      <c r="C11" s="17"/>
      <c r="D11" s="17"/>
      <c r="E11" s="17"/>
      <c r="F11" s="17"/>
      <c r="G11" s="17"/>
      <c r="H11" s="17"/>
      <c r="I11" s="74" t="s">
        <v>17</v>
      </c>
      <c r="J11" s="203"/>
      <c r="K11" s="203"/>
      <c r="L11" s="203"/>
      <c r="M11" s="203"/>
      <c r="N11" s="203"/>
      <c r="O11" s="203"/>
      <c r="P11" s="203"/>
      <c r="Q11" s="203"/>
      <c r="R11" s="59"/>
    </row>
    <row r="12" spans="1:21" ht="24" customHeight="1">
      <c r="B12" s="17"/>
      <c r="C12" s="17"/>
      <c r="D12" s="17"/>
      <c r="E12" s="17"/>
      <c r="F12" s="17"/>
      <c r="G12" s="17"/>
      <c r="H12" s="17"/>
      <c r="I12" s="75" t="s">
        <v>13</v>
      </c>
      <c r="J12" s="217"/>
      <c r="K12" s="217"/>
      <c r="L12" s="217"/>
      <c r="M12" s="218"/>
      <c r="N12" s="218"/>
      <c r="O12" s="218"/>
      <c r="P12" s="218"/>
      <c r="Q12" s="76"/>
      <c r="R12" s="59"/>
      <c r="T12" s="67"/>
    </row>
    <row r="13" spans="1:21" ht="12.75" customHeight="1">
      <c r="B13" s="17"/>
      <c r="C13" s="17"/>
      <c r="D13" s="17"/>
      <c r="E13" s="17"/>
      <c r="F13" s="17"/>
      <c r="G13" s="17"/>
      <c r="H13" s="17"/>
      <c r="I13" s="17"/>
      <c r="J13" s="215"/>
      <c r="K13" s="215"/>
      <c r="L13" s="216"/>
      <c r="M13" s="216"/>
      <c r="N13" s="216"/>
      <c r="O13" s="216"/>
      <c r="P13" s="216"/>
      <c r="Q13" s="59"/>
      <c r="R13" s="59"/>
    </row>
    <row r="14" spans="1:21" ht="9" customHeight="1">
      <c r="B14" s="17"/>
      <c r="C14" s="17"/>
      <c r="D14" s="17"/>
      <c r="E14" s="17"/>
      <c r="F14" s="17"/>
      <c r="G14" s="17"/>
      <c r="H14" s="17"/>
      <c r="I14" s="17"/>
      <c r="J14" s="215" t="s">
        <v>18</v>
      </c>
      <c r="K14" s="215"/>
      <c r="L14" s="216" t="s">
        <v>18</v>
      </c>
      <c r="M14" s="216"/>
      <c r="N14" s="216"/>
      <c r="O14" s="216"/>
      <c r="P14" s="216"/>
      <c r="Q14" s="59"/>
      <c r="R14" s="59"/>
    </row>
    <row r="15" spans="1:21" ht="9" customHeight="1">
      <c r="B15" s="17"/>
      <c r="C15" s="17"/>
      <c r="D15" s="17"/>
      <c r="E15" s="17"/>
      <c r="F15" s="17"/>
      <c r="G15" s="17"/>
      <c r="H15" s="17"/>
      <c r="I15" s="17"/>
      <c r="J15" s="215" t="s">
        <v>18</v>
      </c>
      <c r="K15" s="215"/>
      <c r="L15" s="216" t="s">
        <v>18</v>
      </c>
      <c r="M15" s="216"/>
      <c r="N15" s="216"/>
      <c r="O15" s="216"/>
      <c r="P15" s="216"/>
      <c r="Q15" s="59"/>
      <c r="R15" s="59"/>
    </row>
    <row r="16" spans="1:21" ht="14.45" customHeight="1">
      <c r="B16" s="209" t="s">
        <v>31</v>
      </c>
      <c r="C16" s="209"/>
      <c r="D16" s="209"/>
      <c r="E16" s="209"/>
      <c r="F16" s="209"/>
      <c r="G16" s="209"/>
      <c r="H16" s="209"/>
      <c r="I16" s="209"/>
      <c r="J16" s="209"/>
      <c r="K16" s="209"/>
      <c r="L16" s="209"/>
      <c r="M16" s="209"/>
      <c r="N16" s="209"/>
      <c r="O16" s="209"/>
      <c r="P16" s="209"/>
      <c r="Q16" s="209"/>
      <c r="R16" s="59"/>
    </row>
    <row r="17" spans="2:20" ht="14.45" customHeight="1">
      <c r="B17" s="209"/>
      <c r="C17" s="209"/>
      <c r="D17" s="209"/>
      <c r="E17" s="209"/>
      <c r="F17" s="209"/>
      <c r="G17" s="209"/>
      <c r="H17" s="209"/>
      <c r="I17" s="209"/>
      <c r="J17" s="209"/>
      <c r="K17" s="209"/>
      <c r="L17" s="209"/>
      <c r="M17" s="209"/>
      <c r="N17" s="209"/>
      <c r="O17" s="209"/>
      <c r="P17" s="209"/>
      <c r="Q17" s="209"/>
      <c r="R17" s="59"/>
    </row>
    <row r="18" spans="2:20" ht="10.5" customHeight="1">
      <c r="B18" s="17"/>
      <c r="C18" s="17"/>
      <c r="D18" s="17"/>
      <c r="E18" s="17"/>
      <c r="F18" s="17"/>
      <c r="G18" s="17"/>
      <c r="H18" s="17"/>
      <c r="I18" s="17"/>
      <c r="J18" s="17"/>
      <c r="K18" s="17"/>
      <c r="L18" s="17"/>
      <c r="M18" s="59"/>
      <c r="N18" s="59"/>
      <c r="O18" s="59"/>
      <c r="P18" s="59"/>
      <c r="Q18" s="59"/>
      <c r="R18" s="59"/>
    </row>
    <row r="19" spans="2:20" ht="45" customHeight="1">
      <c r="B19" s="206" t="s">
        <v>32</v>
      </c>
      <c r="C19" s="207"/>
      <c r="D19" s="207"/>
      <c r="E19" s="207"/>
      <c r="F19" s="207"/>
      <c r="G19" s="207"/>
      <c r="H19" s="207"/>
      <c r="I19" s="207"/>
      <c r="J19" s="207"/>
      <c r="K19" s="207"/>
      <c r="L19" s="207"/>
      <c r="M19" s="207"/>
      <c r="N19" s="207"/>
      <c r="O19" s="207"/>
      <c r="P19" s="207"/>
      <c r="Q19" s="207"/>
      <c r="R19" s="59"/>
    </row>
    <row r="20" spans="2:20" ht="18" customHeight="1">
      <c r="B20" s="208" t="s">
        <v>19</v>
      </c>
      <c r="C20" s="208"/>
      <c r="D20" s="208"/>
      <c r="E20" s="208"/>
      <c r="F20" s="208"/>
      <c r="G20" s="208"/>
      <c r="H20" s="208"/>
      <c r="I20" s="208"/>
      <c r="J20" s="208"/>
      <c r="K20" s="208"/>
      <c r="L20" s="208"/>
      <c r="M20" s="208"/>
      <c r="N20" s="208"/>
      <c r="O20" s="208"/>
      <c r="P20" s="208"/>
      <c r="Q20" s="208"/>
      <c r="R20" s="59"/>
    </row>
    <row r="21" spans="2:20" ht="36" customHeight="1">
      <c r="B21" s="77"/>
      <c r="C21" s="210" t="s">
        <v>50</v>
      </c>
      <c r="D21" s="210"/>
      <c r="E21" s="210"/>
      <c r="F21" s="211"/>
      <c r="G21" s="212"/>
      <c r="H21" s="213"/>
      <c r="I21" s="213"/>
      <c r="J21" s="213"/>
      <c r="K21" s="213"/>
      <c r="L21" s="213"/>
      <c r="M21" s="213"/>
      <c r="N21" s="213"/>
      <c r="O21" s="213"/>
      <c r="P21" s="213"/>
      <c r="Q21" s="214"/>
      <c r="R21" s="59"/>
    </row>
    <row r="22" spans="2:20" ht="21" customHeight="1">
      <c r="B22" s="78"/>
      <c r="C22" s="195" t="s">
        <v>49</v>
      </c>
      <c r="D22" s="195"/>
      <c r="E22" s="195"/>
      <c r="F22" s="196"/>
      <c r="G22" s="79"/>
      <c r="H22" s="80" t="s">
        <v>95</v>
      </c>
      <c r="I22" s="201"/>
      <c r="J22" s="201"/>
      <c r="K22" s="201"/>
      <c r="L22" s="201"/>
      <c r="M22" s="201"/>
      <c r="N22" s="201"/>
      <c r="O22" s="201"/>
      <c r="P22" s="201"/>
      <c r="Q22" s="81"/>
      <c r="R22" s="59"/>
    </row>
    <row r="23" spans="2:20" ht="21" customHeight="1">
      <c r="B23" s="82"/>
      <c r="C23" s="197"/>
      <c r="D23" s="197"/>
      <c r="E23" s="197"/>
      <c r="F23" s="198"/>
      <c r="G23" s="17"/>
      <c r="H23" s="83" t="s">
        <v>96</v>
      </c>
      <c r="I23" s="202"/>
      <c r="J23" s="202"/>
      <c r="K23" s="202"/>
      <c r="L23" s="202"/>
      <c r="M23" s="202"/>
      <c r="N23" s="202"/>
      <c r="O23" s="202"/>
      <c r="P23" s="202"/>
      <c r="Q23" s="84"/>
      <c r="R23" s="59"/>
    </row>
    <row r="24" spans="2:20" ht="21" customHeight="1">
      <c r="B24" s="82"/>
      <c r="C24" s="197"/>
      <c r="D24" s="197"/>
      <c r="E24" s="197"/>
      <c r="F24" s="198"/>
      <c r="G24" s="17"/>
      <c r="H24" s="85" t="s">
        <v>97</v>
      </c>
      <c r="I24" s="203"/>
      <c r="J24" s="203"/>
      <c r="K24" s="203"/>
      <c r="L24" s="203"/>
      <c r="M24" s="203"/>
      <c r="N24" s="203"/>
      <c r="O24" s="203"/>
      <c r="P24" s="203"/>
      <c r="Q24" s="84"/>
      <c r="R24" s="59"/>
    </row>
    <row r="25" spans="2:20" ht="21" customHeight="1">
      <c r="B25" s="82"/>
      <c r="C25" s="197"/>
      <c r="D25" s="197"/>
      <c r="E25" s="197"/>
      <c r="F25" s="198"/>
      <c r="G25" s="17"/>
      <c r="H25" s="60" t="s">
        <v>99</v>
      </c>
      <c r="I25" s="203"/>
      <c r="J25" s="203"/>
      <c r="K25" s="203"/>
      <c r="L25" s="203"/>
      <c r="M25" s="203"/>
      <c r="N25" s="163" t="s">
        <v>98</v>
      </c>
      <c r="O25" s="163"/>
      <c r="P25" s="163"/>
      <c r="Q25" s="84"/>
      <c r="R25" s="59"/>
    </row>
    <row r="26" spans="2:20" ht="21" customHeight="1">
      <c r="B26" s="82"/>
      <c r="C26" s="197"/>
      <c r="D26" s="197"/>
      <c r="E26" s="197"/>
      <c r="F26" s="198"/>
      <c r="G26" s="17"/>
      <c r="H26" s="60" t="s">
        <v>100</v>
      </c>
      <c r="I26" s="203"/>
      <c r="J26" s="203"/>
      <c r="K26" s="203"/>
      <c r="L26" s="203"/>
      <c r="M26" s="203"/>
      <c r="N26" s="163" t="s">
        <v>98</v>
      </c>
      <c r="O26" s="163"/>
      <c r="P26" s="163"/>
      <c r="Q26" s="84"/>
      <c r="R26" s="59"/>
    </row>
    <row r="27" spans="2:20" ht="21" customHeight="1">
      <c r="B27" s="164"/>
      <c r="C27" s="199"/>
      <c r="D27" s="199"/>
      <c r="E27" s="199"/>
      <c r="F27" s="200"/>
      <c r="G27" s="165"/>
      <c r="H27" s="166" t="s">
        <v>20</v>
      </c>
      <c r="I27" s="204"/>
      <c r="J27" s="204"/>
      <c r="K27" s="204"/>
      <c r="L27" s="204"/>
      <c r="M27" s="204"/>
      <c r="N27" s="204"/>
      <c r="O27" s="204"/>
      <c r="P27" s="205"/>
      <c r="Q27" s="167" t="s">
        <v>98</v>
      </c>
      <c r="R27" s="59"/>
    </row>
    <row r="28" spans="2:20" ht="10.15" customHeight="1">
      <c r="B28" s="86"/>
      <c r="C28" s="194"/>
      <c r="D28" s="194"/>
      <c r="E28" s="194"/>
      <c r="F28" s="194"/>
      <c r="G28" s="194"/>
      <c r="H28" s="194"/>
      <c r="I28" s="194"/>
      <c r="J28" s="194"/>
      <c r="K28" s="194"/>
      <c r="L28" s="194"/>
      <c r="M28" s="194"/>
      <c r="N28" s="194"/>
      <c r="O28" s="194"/>
      <c r="P28" s="194"/>
      <c r="Q28" s="194"/>
      <c r="R28" s="59"/>
      <c r="T28" s="87"/>
    </row>
    <row r="29" spans="2:20" ht="28.9" customHeight="1">
      <c r="B29" s="17"/>
      <c r="C29" s="193" t="s">
        <v>51</v>
      </c>
      <c r="D29" s="193"/>
      <c r="E29" s="193"/>
      <c r="F29" s="193"/>
      <c r="G29" s="193"/>
      <c r="H29" s="193"/>
      <c r="I29" s="193"/>
      <c r="J29" s="193"/>
      <c r="K29" s="193"/>
      <c r="L29" s="193"/>
      <c r="M29" s="193"/>
      <c r="N29" s="193"/>
      <c r="O29" s="193"/>
      <c r="P29" s="193"/>
      <c r="Q29" s="193"/>
      <c r="R29" s="59"/>
    </row>
    <row r="30" spans="2:20" ht="13.5" customHeight="1">
      <c r="Q30" s="88"/>
    </row>
    <row r="32" spans="2:20">
      <c r="F32" s="56"/>
      <c r="G32" s="56"/>
      <c r="H32" s="56"/>
      <c r="I32" s="56"/>
      <c r="J32" s="56"/>
      <c r="K32" s="56"/>
      <c r="L32" s="56"/>
      <c r="M32" s="55"/>
      <c r="N32" s="55"/>
      <c r="O32" s="55"/>
      <c r="P32" s="55"/>
      <c r="Q32" s="55"/>
      <c r="R32" s="55"/>
    </row>
    <row r="33" spans="6:18">
      <c r="F33" s="56"/>
      <c r="G33" s="56"/>
      <c r="H33" s="56"/>
      <c r="I33" s="56"/>
      <c r="J33" s="56"/>
      <c r="K33" s="56"/>
      <c r="L33" s="56"/>
      <c r="M33" s="55"/>
      <c r="N33" s="55"/>
      <c r="O33" s="55"/>
      <c r="P33" s="55"/>
      <c r="Q33" s="55"/>
      <c r="R33" s="55"/>
    </row>
    <row r="34" spans="6:18">
      <c r="F34" s="56"/>
      <c r="G34" s="56"/>
      <c r="H34" s="56"/>
      <c r="I34" s="56"/>
      <c r="J34" s="56"/>
      <c r="K34" s="56"/>
      <c r="L34" s="56"/>
      <c r="M34" s="55"/>
      <c r="N34" s="55"/>
      <c r="O34" s="55"/>
      <c r="P34" s="55"/>
      <c r="Q34" s="55"/>
      <c r="R34" s="55"/>
    </row>
    <row r="35" spans="6:18">
      <c r="F35" s="56"/>
      <c r="G35" s="56"/>
      <c r="H35" s="56"/>
      <c r="I35" s="56"/>
      <c r="J35" s="56"/>
      <c r="K35" s="56"/>
      <c r="L35" s="56"/>
      <c r="M35" s="55"/>
      <c r="N35" s="55"/>
      <c r="O35" s="55"/>
      <c r="P35" s="55"/>
      <c r="Q35" s="55"/>
      <c r="R35" s="55"/>
    </row>
    <row r="36" spans="6:18">
      <c r="F36" s="56"/>
      <c r="G36" s="56"/>
      <c r="H36" s="56"/>
      <c r="I36" s="56"/>
      <c r="J36" s="56"/>
      <c r="K36" s="56"/>
      <c r="L36" s="56"/>
      <c r="M36" s="55"/>
      <c r="N36" s="55"/>
      <c r="O36" s="55"/>
      <c r="P36" s="55"/>
      <c r="Q36" s="55"/>
      <c r="R36" s="55"/>
    </row>
  </sheetData>
  <sheetProtection formatCells="0"/>
  <mergeCells count="25">
    <mergeCell ref="J13:K13"/>
    <mergeCell ref="L13:P13"/>
    <mergeCell ref="J10:Q10"/>
    <mergeCell ref="J11:Q11"/>
    <mergeCell ref="J12:L12"/>
    <mergeCell ref="M12:P12"/>
    <mergeCell ref="J14:K14"/>
    <mergeCell ref="L14:P14"/>
    <mergeCell ref="J15:K15"/>
    <mergeCell ref="L15:P15"/>
    <mergeCell ref="B17:Q17"/>
    <mergeCell ref="B19:Q19"/>
    <mergeCell ref="B20:Q20"/>
    <mergeCell ref="B16:Q16"/>
    <mergeCell ref="C21:F21"/>
    <mergeCell ref="G21:Q21"/>
    <mergeCell ref="C29:Q29"/>
    <mergeCell ref="C28:Q28"/>
    <mergeCell ref="C22:F27"/>
    <mergeCell ref="I22:P22"/>
    <mergeCell ref="I23:P23"/>
    <mergeCell ref="I24:P24"/>
    <mergeCell ref="I25:M25"/>
    <mergeCell ref="I26:M26"/>
    <mergeCell ref="I27:P27"/>
  </mergeCells>
  <phoneticPr fontId="6"/>
  <printOptions horizontalCentered="1"/>
  <pageMargins left="0.59055118110236227" right="0.59055118110236227" top="0.59055118110236227" bottom="0.59055118110236227" header="0.31496062992125984" footer="0.31496062992125984"/>
  <pageSetup paperSize="9" orientation="portrait" r:id="rId1"/>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N41"/>
  <sheetViews>
    <sheetView view="pageBreakPreview" zoomScale="115" zoomScaleNormal="100" zoomScaleSheetLayoutView="115" workbookViewId="0"/>
  </sheetViews>
  <sheetFormatPr defaultColWidth="9" defaultRowHeight="22.5" customHeight="1"/>
  <cols>
    <col min="1" max="1" width="3.25" style="1" customWidth="1"/>
    <col min="2" max="2" width="5.5" style="1" customWidth="1"/>
    <col min="3" max="3" width="15.125" style="1" customWidth="1"/>
    <col min="4" max="4" width="5.5" style="1" customWidth="1"/>
    <col min="5" max="5" width="11.625" style="1" customWidth="1"/>
    <col min="6" max="6" width="5.5" style="1" customWidth="1"/>
    <col min="7" max="7" width="7.875" style="1" customWidth="1"/>
    <col min="8" max="8" width="5.25" style="1" customWidth="1"/>
    <col min="9" max="9" width="10.625" style="1" customWidth="1"/>
    <col min="10" max="10" width="9" style="1" customWidth="1"/>
    <col min="11" max="11" width="6.5" style="1" customWidth="1"/>
    <col min="12" max="12" width="2.75" style="1" customWidth="1"/>
    <col min="13" max="16384" width="9" style="1"/>
  </cols>
  <sheetData>
    <row r="1" spans="1:14" ht="13.5">
      <c r="A1" s="1" t="s">
        <v>24</v>
      </c>
    </row>
    <row r="2" spans="1:14" ht="23.25" customHeight="1">
      <c r="A2" s="252" t="s">
        <v>195</v>
      </c>
      <c r="B2" s="253"/>
      <c r="C2" s="253"/>
      <c r="D2" s="253"/>
      <c r="E2" s="253"/>
      <c r="F2" s="253"/>
      <c r="G2" s="253"/>
      <c r="H2" s="253"/>
      <c r="I2" s="253"/>
      <c r="J2" s="253"/>
      <c r="K2" s="253"/>
      <c r="M2" s="71"/>
      <c r="N2" s="72" t="s">
        <v>28</v>
      </c>
    </row>
    <row r="3" spans="1:14" ht="12" customHeight="1"/>
    <row r="4" spans="1:14" ht="19.899999999999999" customHeight="1">
      <c r="A4" s="8">
        <v>1</v>
      </c>
      <c r="B4" s="13" t="s">
        <v>21</v>
      </c>
      <c r="C4" s="13"/>
      <c r="D4" s="13"/>
      <c r="E4" s="13"/>
      <c r="F4" s="13"/>
      <c r="G4" s="13"/>
      <c r="H4" s="13"/>
      <c r="I4" s="13"/>
      <c r="J4" s="13"/>
      <c r="K4" s="14"/>
    </row>
    <row r="5" spans="1:14" ht="25.15" customHeight="1">
      <c r="A5" s="6"/>
      <c r="B5" s="20"/>
      <c r="C5" s="254" t="s">
        <v>88</v>
      </c>
      <c r="D5" s="254"/>
      <c r="E5" s="255"/>
      <c r="F5" s="184"/>
      <c r="G5" s="256"/>
      <c r="H5" s="256"/>
      <c r="I5" s="256"/>
      <c r="J5" s="256"/>
      <c r="K5" s="257"/>
      <c r="M5" s="67"/>
    </row>
    <row r="6" spans="1:14" ht="25.15" customHeight="1">
      <c r="A6" s="6"/>
      <c r="B6" s="179"/>
      <c r="C6" s="258" t="s">
        <v>89</v>
      </c>
      <c r="D6" s="258"/>
      <c r="E6" s="258"/>
      <c r="F6" s="177" t="s">
        <v>180</v>
      </c>
      <c r="G6" s="259"/>
      <c r="H6" s="260"/>
      <c r="I6" s="260"/>
      <c r="J6" s="260"/>
      <c r="K6" s="178" t="s">
        <v>35</v>
      </c>
    </row>
    <row r="7" spans="1:14" s="7" customFormat="1" ht="19.899999999999999" customHeight="1">
      <c r="A7" s="8">
        <v>2</v>
      </c>
      <c r="B7" s="11" t="s">
        <v>62</v>
      </c>
      <c r="C7" s="11"/>
      <c r="D7" s="11"/>
      <c r="E7" s="11"/>
      <c r="F7" s="11"/>
      <c r="G7" s="11"/>
      <c r="H7" s="11"/>
      <c r="I7" s="11"/>
      <c r="J7" s="11"/>
      <c r="K7" s="12"/>
    </row>
    <row r="8" spans="1:14" ht="19.899999999999999" customHeight="1">
      <c r="A8" s="249" t="s">
        <v>91</v>
      </c>
      <c r="B8" s="250"/>
      <c r="C8" s="250"/>
      <c r="D8" s="250"/>
      <c r="E8" s="250"/>
      <c r="F8" s="250"/>
      <c r="G8" s="250"/>
      <c r="H8" s="250"/>
      <c r="I8" s="250"/>
      <c r="J8" s="250"/>
      <c r="K8" s="251"/>
    </row>
    <row r="9" spans="1:14" ht="40.15" customHeight="1">
      <c r="A9" s="38"/>
      <c r="B9" s="31"/>
      <c r="C9" s="36" t="s">
        <v>181</v>
      </c>
      <c r="D9" s="261" t="s">
        <v>1</v>
      </c>
      <c r="E9" s="262"/>
      <c r="F9" s="263"/>
      <c r="G9" s="175" t="s">
        <v>2</v>
      </c>
      <c r="H9" s="175" t="s">
        <v>3</v>
      </c>
      <c r="I9" s="15" t="s">
        <v>4</v>
      </c>
      <c r="J9" s="15" t="s">
        <v>5</v>
      </c>
      <c r="K9" s="175" t="s">
        <v>6</v>
      </c>
    </row>
    <row r="10" spans="1:14" ht="31.5" customHeight="1">
      <c r="A10" s="38"/>
      <c r="B10" s="31"/>
      <c r="C10" s="18"/>
      <c r="D10" s="264"/>
      <c r="E10" s="265"/>
      <c r="F10" s="266"/>
      <c r="G10" s="16"/>
      <c r="H10" s="16"/>
      <c r="I10" s="16"/>
      <c r="J10" s="16"/>
      <c r="K10" s="16"/>
    </row>
    <row r="11" spans="1:14" ht="19.899999999999999" customHeight="1">
      <c r="A11" s="267" t="s">
        <v>65</v>
      </c>
      <c r="B11" s="268"/>
      <c r="C11" s="250"/>
      <c r="D11" s="250"/>
      <c r="E11" s="250"/>
      <c r="F11" s="250"/>
      <c r="G11" s="250"/>
      <c r="H11" s="250"/>
      <c r="I11" s="250"/>
      <c r="J11" s="250"/>
      <c r="K11" s="251"/>
    </row>
    <row r="12" spans="1:14" ht="31.5" customHeight="1">
      <c r="A12" s="38"/>
      <c r="B12" s="19"/>
      <c r="C12" s="269" t="s">
        <v>64</v>
      </c>
      <c r="D12" s="269"/>
      <c r="E12" s="269"/>
      <c r="F12" s="269"/>
      <c r="G12" s="269"/>
      <c r="H12" s="269"/>
      <c r="I12" s="270"/>
      <c r="J12" s="270"/>
      <c r="K12" s="36" t="s">
        <v>25</v>
      </c>
    </row>
    <row r="13" spans="1:14" ht="31.5" customHeight="1">
      <c r="A13" s="38"/>
      <c r="B13" s="19"/>
      <c r="C13" s="269" t="s">
        <v>167</v>
      </c>
      <c r="D13" s="269"/>
      <c r="E13" s="269"/>
      <c r="F13" s="269"/>
      <c r="G13" s="269"/>
      <c r="H13" s="269"/>
      <c r="I13" s="270"/>
      <c r="J13" s="270"/>
      <c r="K13" s="36" t="s">
        <v>25</v>
      </c>
    </row>
    <row r="14" spans="1:14" ht="31.5" customHeight="1">
      <c r="A14" s="38"/>
      <c r="B14" s="19"/>
      <c r="C14" s="271"/>
      <c r="D14" s="271"/>
      <c r="E14" s="271"/>
      <c r="F14" s="271"/>
      <c r="G14" s="271"/>
      <c r="H14" s="271"/>
      <c r="I14" s="176"/>
      <c r="J14" s="176"/>
      <c r="K14" s="89"/>
    </row>
    <row r="15" spans="1:14" s="7" customFormat="1" ht="19.899999999999999" customHeight="1">
      <c r="A15" s="8">
        <v>3</v>
      </c>
      <c r="B15" s="9" t="s">
        <v>197</v>
      </c>
      <c r="C15" s="9"/>
      <c r="D15" s="9"/>
      <c r="E15" s="9"/>
      <c r="F15" s="9"/>
      <c r="G15" s="9"/>
      <c r="H15" s="9"/>
      <c r="I15" s="9"/>
      <c r="J15" s="9"/>
      <c r="K15" s="10"/>
    </row>
    <row r="16" spans="1:14" ht="40.5" customHeight="1">
      <c r="A16" s="243"/>
      <c r="B16" s="244"/>
      <c r="C16" s="244"/>
      <c r="D16" s="244"/>
      <c r="E16" s="244"/>
      <c r="F16" s="244"/>
      <c r="G16" s="244"/>
      <c r="H16" s="244"/>
      <c r="I16" s="244"/>
      <c r="J16" s="244"/>
      <c r="K16" s="245"/>
      <c r="M16" s="23"/>
    </row>
    <row r="17" spans="1:13" ht="40.5" customHeight="1">
      <c r="A17" s="246"/>
      <c r="B17" s="247"/>
      <c r="C17" s="247"/>
      <c r="D17" s="247"/>
      <c r="E17" s="247"/>
      <c r="F17" s="247"/>
      <c r="G17" s="247"/>
      <c r="H17" s="247"/>
      <c r="I17" s="247"/>
      <c r="J17" s="247"/>
      <c r="K17" s="248"/>
    </row>
    <row r="18" spans="1:13" ht="22.5" customHeight="1">
      <c r="A18" s="8">
        <v>4</v>
      </c>
      <c r="B18" s="9" t="s">
        <v>22</v>
      </c>
      <c r="C18" s="9"/>
      <c r="D18" s="9"/>
      <c r="E18" s="9"/>
      <c r="F18" s="9"/>
      <c r="G18" s="9"/>
      <c r="H18" s="9"/>
      <c r="I18" s="9"/>
      <c r="J18" s="9"/>
      <c r="K18" s="10"/>
    </row>
    <row r="19" spans="1:13" ht="78.599999999999994" customHeight="1">
      <c r="A19" s="243"/>
      <c r="B19" s="244"/>
      <c r="C19" s="244"/>
      <c r="D19" s="244"/>
      <c r="E19" s="244"/>
      <c r="F19" s="244"/>
      <c r="G19" s="244"/>
      <c r="H19" s="244"/>
      <c r="I19" s="244"/>
      <c r="J19" s="244"/>
      <c r="K19" s="245"/>
      <c r="M19" s="23"/>
    </row>
    <row r="20" spans="1:13" ht="78.599999999999994" customHeight="1">
      <c r="A20" s="246"/>
      <c r="B20" s="247"/>
      <c r="C20" s="247"/>
      <c r="D20" s="247"/>
      <c r="E20" s="247"/>
      <c r="F20" s="247"/>
      <c r="G20" s="247"/>
      <c r="H20" s="247"/>
      <c r="I20" s="247"/>
      <c r="J20" s="247"/>
      <c r="K20" s="248"/>
    </row>
    <row r="21" spans="1:13" ht="22.5" customHeight="1">
      <c r="A21" s="8">
        <v>5</v>
      </c>
      <c r="B21" s="9" t="s">
        <v>36</v>
      </c>
      <c r="C21" s="9"/>
      <c r="D21" s="9"/>
      <c r="E21" s="9"/>
      <c r="F21" s="9"/>
      <c r="G21" s="9"/>
      <c r="H21" s="9"/>
      <c r="I21" s="9"/>
      <c r="J21" s="9"/>
      <c r="K21" s="10"/>
    </row>
    <row r="22" spans="1:13" s="22" customFormat="1" ht="22.5" customHeight="1">
      <c r="A22" s="44"/>
      <c r="B22" s="225" t="s">
        <v>39</v>
      </c>
      <c r="C22" s="226"/>
      <c r="D22" s="227"/>
      <c r="E22" s="228"/>
      <c r="F22" s="174" t="s">
        <v>12</v>
      </c>
      <c r="G22" s="230" t="s">
        <v>43</v>
      </c>
      <c r="H22" s="226"/>
      <c r="I22" s="237"/>
      <c r="J22" s="238"/>
      <c r="K22" s="239"/>
    </row>
    <row r="23" spans="1:13" s="22" customFormat="1" ht="22.5" customHeight="1">
      <c r="A23" s="44"/>
      <c r="B23" s="225" t="s">
        <v>40</v>
      </c>
      <c r="C23" s="226"/>
      <c r="D23" s="227"/>
      <c r="E23" s="228"/>
      <c r="F23" s="174" t="s">
        <v>12</v>
      </c>
      <c r="G23" s="230" t="s">
        <v>43</v>
      </c>
      <c r="H23" s="226"/>
      <c r="I23" s="237"/>
      <c r="J23" s="238"/>
      <c r="K23" s="239"/>
    </row>
    <row r="24" spans="1:13" s="22" customFormat="1" ht="22.5" customHeight="1">
      <c r="A24" s="45"/>
      <c r="B24" s="225" t="s">
        <v>41</v>
      </c>
      <c r="C24" s="226"/>
      <c r="D24" s="227"/>
      <c r="E24" s="228"/>
      <c r="F24" s="174" t="s">
        <v>12</v>
      </c>
      <c r="G24" s="230" t="s">
        <v>43</v>
      </c>
      <c r="H24" s="226"/>
      <c r="I24" s="237"/>
      <c r="J24" s="238"/>
      <c r="K24" s="239"/>
    </row>
    <row r="25" spans="1:13" s="22" customFormat="1" ht="22.5" customHeight="1">
      <c r="A25" s="41"/>
      <c r="B25" s="225" t="s">
        <v>42</v>
      </c>
      <c r="C25" s="226"/>
      <c r="D25" s="227"/>
      <c r="E25" s="228"/>
      <c r="F25" s="174" t="s">
        <v>12</v>
      </c>
      <c r="G25" s="230" t="s">
        <v>44</v>
      </c>
      <c r="H25" s="226"/>
      <c r="I25" s="237"/>
      <c r="J25" s="238"/>
      <c r="K25" s="239"/>
    </row>
    <row r="26" spans="1:13" ht="22.5" customHeight="1">
      <c r="A26" s="8">
        <v>6</v>
      </c>
      <c r="B26" s="9" t="s">
        <v>38</v>
      </c>
      <c r="C26" s="9"/>
      <c r="D26" s="9"/>
      <c r="E26" s="9"/>
      <c r="F26" s="9"/>
      <c r="G26" s="9"/>
      <c r="H26" s="9"/>
      <c r="I26" s="9"/>
      <c r="J26" s="9"/>
      <c r="K26" s="10"/>
    </row>
    <row r="27" spans="1:13" s="22" customFormat="1" ht="22.5" customHeight="1">
      <c r="A27" s="45"/>
      <c r="B27" s="225" t="s">
        <v>45</v>
      </c>
      <c r="C27" s="226"/>
      <c r="D27" s="237"/>
      <c r="E27" s="241"/>
      <c r="F27" s="242"/>
      <c r="G27" s="230" t="s">
        <v>47</v>
      </c>
      <c r="H27" s="226"/>
      <c r="I27" s="237"/>
      <c r="J27" s="241"/>
      <c r="K27" s="242"/>
    </row>
    <row r="28" spans="1:13" s="22" customFormat="1" ht="22.5" customHeight="1">
      <c r="A28" s="45"/>
      <c r="B28" s="225" t="s">
        <v>46</v>
      </c>
      <c r="C28" s="226"/>
      <c r="D28" s="227"/>
      <c r="E28" s="228"/>
      <c r="F28" s="229"/>
      <c r="G28" s="230" t="s">
        <v>48</v>
      </c>
      <c r="H28" s="226"/>
      <c r="I28" s="231"/>
      <c r="J28" s="232"/>
      <c r="K28" s="233"/>
    </row>
    <row r="29" spans="1:13" ht="22.5" customHeight="1">
      <c r="A29" s="8">
        <v>7</v>
      </c>
      <c r="B29" s="9" t="s">
        <v>84</v>
      </c>
      <c r="C29" s="9"/>
      <c r="D29" s="9"/>
      <c r="E29" s="9"/>
      <c r="F29" s="9"/>
      <c r="G29" s="9"/>
      <c r="H29" s="9"/>
      <c r="I29" s="9"/>
      <c r="J29" s="9"/>
      <c r="K29" s="10"/>
    </row>
    <row r="30" spans="1:13" s="22" customFormat="1" ht="22.5" customHeight="1">
      <c r="A30" s="45"/>
      <c r="B30" s="225" t="s">
        <v>85</v>
      </c>
      <c r="C30" s="226"/>
      <c r="D30" s="237"/>
      <c r="E30" s="238"/>
      <c r="F30" s="238"/>
      <c r="G30" s="238"/>
      <c r="H30" s="238"/>
      <c r="I30" s="238"/>
      <c r="J30" s="238"/>
      <c r="K30" s="239"/>
    </row>
    <row r="31" spans="1:13" s="22" customFormat="1" ht="22.5" customHeight="1">
      <c r="A31" s="45"/>
      <c r="B31" s="225" t="s">
        <v>87</v>
      </c>
      <c r="C31" s="226"/>
      <c r="D31" s="237"/>
      <c r="E31" s="238"/>
      <c r="F31" s="238"/>
      <c r="G31" s="238"/>
      <c r="H31" s="238"/>
      <c r="I31" s="238"/>
      <c r="J31" s="238"/>
      <c r="K31" s="239"/>
    </row>
    <row r="32" spans="1:13" s="22" customFormat="1" ht="22.5" customHeight="1">
      <c r="A32" s="45"/>
      <c r="B32" s="225" t="s">
        <v>86</v>
      </c>
      <c r="C32" s="226"/>
      <c r="D32" s="237"/>
      <c r="E32" s="238"/>
      <c r="F32" s="238"/>
      <c r="G32" s="238"/>
      <c r="H32" s="238"/>
      <c r="I32" s="238"/>
      <c r="J32" s="238"/>
      <c r="K32" s="239"/>
    </row>
    <row r="33" spans="1:11" ht="22.5" customHeight="1">
      <c r="A33" s="8">
        <v>8</v>
      </c>
      <c r="B33" s="9" t="s">
        <v>37</v>
      </c>
      <c r="C33" s="9"/>
      <c r="D33" s="9"/>
      <c r="E33" s="9"/>
      <c r="F33" s="9"/>
      <c r="G33" s="9"/>
      <c r="H33" s="9"/>
      <c r="I33" s="9"/>
      <c r="J33" s="9"/>
      <c r="K33" s="10"/>
    </row>
    <row r="34" spans="1:11" ht="100.15" customHeight="1">
      <c r="A34" s="240"/>
      <c r="B34" s="240"/>
      <c r="C34" s="240"/>
      <c r="D34" s="240"/>
      <c r="E34" s="240"/>
      <c r="F34" s="240"/>
      <c r="G34" s="240"/>
      <c r="H34" s="240"/>
      <c r="I34" s="240"/>
      <c r="J34" s="240"/>
      <c r="K34" s="240"/>
    </row>
    <row r="35" spans="1:11" ht="22.5" customHeight="1">
      <c r="A35" s="8">
        <v>9</v>
      </c>
      <c r="B35" s="9" t="s">
        <v>27</v>
      </c>
      <c r="C35" s="9"/>
      <c r="D35" s="9"/>
      <c r="E35" s="9"/>
      <c r="F35" s="9"/>
      <c r="G35" s="9"/>
      <c r="H35" s="9"/>
      <c r="I35" s="9"/>
      <c r="J35" s="9"/>
      <c r="K35" s="10"/>
    </row>
    <row r="36" spans="1:11" ht="100.15" customHeight="1">
      <c r="A36" s="234"/>
      <c r="B36" s="235"/>
      <c r="C36" s="235"/>
      <c r="D36" s="235"/>
      <c r="E36" s="235"/>
      <c r="F36" s="235"/>
      <c r="G36" s="235"/>
      <c r="H36" s="235"/>
      <c r="I36" s="235"/>
      <c r="J36" s="235"/>
      <c r="K36" s="236"/>
    </row>
    <row r="37" spans="1:11" ht="22.5" customHeight="1">
      <c r="A37" s="8">
        <v>10</v>
      </c>
      <c r="B37" s="9" t="s">
        <v>15</v>
      </c>
      <c r="C37" s="9"/>
      <c r="D37" s="9"/>
      <c r="E37" s="9"/>
      <c r="F37" s="9"/>
      <c r="G37" s="9"/>
      <c r="H37" s="9"/>
      <c r="I37" s="9"/>
      <c r="J37" s="9"/>
      <c r="K37" s="10"/>
    </row>
    <row r="38" spans="1:11" ht="25.15" customHeight="1">
      <c r="A38" s="219" t="s">
        <v>182</v>
      </c>
      <c r="B38" s="219"/>
      <c r="C38" s="220"/>
      <c r="D38" s="221"/>
      <c r="E38" s="221"/>
      <c r="F38" s="221"/>
      <c r="G38" s="221"/>
      <c r="H38" s="221"/>
      <c r="I38" s="221"/>
      <c r="J38" s="221"/>
      <c r="K38" s="221"/>
    </row>
    <row r="39" spans="1:11" ht="25.15" customHeight="1">
      <c r="A39" s="222" t="s">
        <v>26</v>
      </c>
      <c r="B39" s="222"/>
      <c r="C39" s="223"/>
      <c r="D39" s="223"/>
      <c r="E39" s="223"/>
      <c r="F39" s="223"/>
      <c r="G39" s="223"/>
      <c r="H39" s="223"/>
      <c r="I39" s="223"/>
      <c r="J39" s="223"/>
      <c r="K39" s="223"/>
    </row>
    <row r="40" spans="1:11" ht="10.15" customHeight="1">
      <c r="A40" s="5"/>
      <c r="B40" s="5"/>
      <c r="C40" s="37"/>
      <c r="D40" s="37"/>
      <c r="E40" s="37"/>
      <c r="F40" s="37"/>
      <c r="G40" s="37"/>
      <c r="H40" s="37"/>
      <c r="I40" s="37"/>
      <c r="J40" s="37"/>
      <c r="K40" s="37"/>
    </row>
    <row r="41" spans="1:11" ht="22.5" customHeight="1">
      <c r="A41" s="5"/>
      <c r="B41" s="5"/>
      <c r="C41" s="5"/>
      <c r="D41" s="5"/>
      <c r="E41" s="5"/>
      <c r="F41" s="5"/>
      <c r="G41" s="5"/>
      <c r="H41" s="224"/>
      <c r="I41" s="224"/>
      <c r="J41" s="224"/>
      <c r="K41" s="224"/>
    </row>
  </sheetData>
  <sheetProtection formatCells="0"/>
  <mergeCells count="53">
    <mergeCell ref="A16:K17"/>
    <mergeCell ref="A8:K8"/>
    <mergeCell ref="A2:K2"/>
    <mergeCell ref="C5:E5"/>
    <mergeCell ref="G5:K5"/>
    <mergeCell ref="C6:E6"/>
    <mergeCell ref="G6:J6"/>
    <mergeCell ref="D9:F9"/>
    <mergeCell ref="D10:F10"/>
    <mergeCell ref="A11:K11"/>
    <mergeCell ref="C12:H12"/>
    <mergeCell ref="I12:J12"/>
    <mergeCell ref="C13:H13"/>
    <mergeCell ref="I13:J13"/>
    <mergeCell ref="C14:H14"/>
    <mergeCell ref="A19:K20"/>
    <mergeCell ref="B22:C22"/>
    <mergeCell ref="D22:E22"/>
    <mergeCell ref="G22:H22"/>
    <mergeCell ref="I22:K22"/>
    <mergeCell ref="B23:C23"/>
    <mergeCell ref="D23:E23"/>
    <mergeCell ref="G23:H23"/>
    <mergeCell ref="I23:K23"/>
    <mergeCell ref="B24:C24"/>
    <mergeCell ref="D24:E24"/>
    <mergeCell ref="G24:H24"/>
    <mergeCell ref="I24:K24"/>
    <mergeCell ref="B25:C25"/>
    <mergeCell ref="D25:E25"/>
    <mergeCell ref="G25:H25"/>
    <mergeCell ref="I25:K25"/>
    <mergeCell ref="B27:C27"/>
    <mergeCell ref="D27:F27"/>
    <mergeCell ref="G27:H27"/>
    <mergeCell ref="I27:K27"/>
    <mergeCell ref="B28:C28"/>
    <mergeCell ref="D28:F28"/>
    <mergeCell ref="G28:H28"/>
    <mergeCell ref="I28:K28"/>
    <mergeCell ref="A36:K36"/>
    <mergeCell ref="B30:C30"/>
    <mergeCell ref="D30:K30"/>
    <mergeCell ref="B31:C31"/>
    <mergeCell ref="D31:K31"/>
    <mergeCell ref="B32:C32"/>
    <mergeCell ref="D32:K32"/>
    <mergeCell ref="A34:K34"/>
    <mergeCell ref="A38:B38"/>
    <mergeCell ref="C38:K38"/>
    <mergeCell ref="A39:B39"/>
    <mergeCell ref="C39:K39"/>
    <mergeCell ref="H41:K41"/>
  </mergeCells>
  <phoneticPr fontId="6"/>
  <conditionalFormatting sqref="B5:C5 B6">
    <cfRule type="expression" dxfId="25" priority="3">
      <formula>COUNTIF(#REF!,TRUE)&gt;1</formula>
    </cfRule>
  </conditionalFormatting>
  <conditionalFormatting sqref="C10:K10 C12:C14 I12 K12:K13 I14:K14">
    <cfRule type="expression" dxfId="24" priority="2">
      <formula>COUNTIF(#REF!,TRUE)&gt;1</formula>
    </cfRule>
  </conditionalFormatting>
  <conditionalFormatting sqref="I13">
    <cfRule type="expression" dxfId="23" priority="1">
      <formula>COUNTIF(#REF!,TRUE)&gt;1</formula>
    </cfRule>
  </conditionalFormatting>
  <pageMargins left="0.78740157480314965" right="0.78740157480314965" top="0.55118110236220474" bottom="0.55118110236220474" header="0.31496062992125984" footer="0.31496062992125984"/>
  <pageSetup paperSize="9" scale="97" orientation="portrait" r:id="rId1"/>
  <rowBreaks count="1" manualBreakCount="1">
    <brk id="25" max="12" man="1"/>
  </rowBreaks>
  <drawing r:id="rId2"/>
  <legacyDrawing r:id="rId3"/>
  <mc:AlternateContent xmlns:mc="http://schemas.openxmlformats.org/markup-compatibility/2006">
    <mc:Choice Requires="x14">
      <controls>
        <mc:AlternateContent xmlns:mc="http://schemas.openxmlformats.org/markup-compatibility/2006">
          <mc:Choice Requires="x14">
            <control shapeId="28673" r:id="rId4" name="Check Box 1">
              <controlPr defaultSize="0" autoFill="0" autoLine="0" autoPict="0">
                <anchor moveWithCells="1">
                  <from>
                    <xdr:col>1</xdr:col>
                    <xdr:colOff>114300</xdr:colOff>
                    <xdr:row>4</xdr:row>
                    <xdr:rowOff>0</xdr:rowOff>
                  </from>
                  <to>
                    <xdr:col>2</xdr:col>
                    <xdr:colOff>19050</xdr:colOff>
                    <xdr:row>5</xdr:row>
                    <xdr:rowOff>38100</xdr:rowOff>
                  </to>
                </anchor>
              </controlPr>
            </control>
          </mc:Choice>
        </mc:AlternateContent>
        <mc:AlternateContent xmlns:mc="http://schemas.openxmlformats.org/markup-compatibility/2006">
          <mc:Choice Requires="x14">
            <control shapeId="28674" r:id="rId5" name="Check Box 2">
              <controlPr defaultSize="0" autoFill="0" autoLine="0" autoPict="0">
                <anchor moveWithCells="1">
                  <from>
                    <xdr:col>1</xdr:col>
                    <xdr:colOff>114300</xdr:colOff>
                    <xdr:row>4</xdr:row>
                    <xdr:rowOff>285750</xdr:rowOff>
                  </from>
                  <to>
                    <xdr:col>2</xdr:col>
                    <xdr:colOff>19050</xdr:colOff>
                    <xdr:row>6</xdr:row>
                    <xdr:rowOff>190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R68"/>
  <sheetViews>
    <sheetView view="pageBreakPreview" topLeftCell="A52" zoomScale="115" zoomScaleNormal="100" zoomScaleSheetLayoutView="115" workbookViewId="0"/>
  </sheetViews>
  <sheetFormatPr defaultColWidth="9" defaultRowHeight="22.5" customHeight="1"/>
  <cols>
    <col min="1" max="1" width="3.25" style="1" customWidth="1"/>
    <col min="2" max="2" width="5.5" style="1" customWidth="1"/>
    <col min="3" max="3" width="15.125" style="1" customWidth="1"/>
    <col min="4" max="4" width="7.5" style="1" customWidth="1"/>
    <col min="5" max="5" width="11.625" style="1" customWidth="1"/>
    <col min="6" max="6" width="5.5" style="1" customWidth="1"/>
    <col min="7" max="7" width="7.875" style="1" customWidth="1"/>
    <col min="8" max="8" width="5.25" style="1" customWidth="1"/>
    <col min="9" max="9" width="10.625" style="1" customWidth="1"/>
    <col min="10" max="10" width="9" style="1" customWidth="1"/>
    <col min="11" max="11" width="6.5" style="1" customWidth="1"/>
    <col min="12" max="13" width="2.75" style="1" customWidth="1"/>
    <col min="14" max="16384" width="9" style="1"/>
  </cols>
  <sheetData>
    <row r="1" spans="1:18" ht="13.5">
      <c r="A1" s="1" t="s">
        <v>67</v>
      </c>
    </row>
    <row r="2" spans="1:18" ht="22.5" customHeight="1">
      <c r="A2" s="253" t="s">
        <v>194</v>
      </c>
      <c r="B2" s="253"/>
      <c r="C2" s="253"/>
      <c r="D2" s="253"/>
      <c r="E2" s="253"/>
      <c r="F2" s="253"/>
      <c r="G2" s="253"/>
      <c r="H2" s="253"/>
      <c r="I2" s="253"/>
      <c r="J2" s="253"/>
      <c r="K2" s="253"/>
      <c r="N2" s="71"/>
      <c r="O2" s="72" t="s">
        <v>28</v>
      </c>
    </row>
    <row r="3" spans="1:18" ht="12" customHeight="1"/>
    <row r="4" spans="1:18" ht="19.899999999999999" customHeight="1">
      <c r="A4" s="8">
        <v>1</v>
      </c>
      <c r="B4" s="13" t="s">
        <v>21</v>
      </c>
      <c r="C4" s="13"/>
      <c r="D4" s="13"/>
      <c r="E4" s="13"/>
      <c r="F4" s="13"/>
      <c r="G4" s="13"/>
      <c r="H4" s="13"/>
      <c r="I4" s="13"/>
      <c r="J4" s="13"/>
      <c r="K4" s="14"/>
    </row>
    <row r="5" spans="1:18" ht="25.15" customHeight="1">
      <c r="A5" s="6"/>
      <c r="B5" s="20"/>
      <c r="C5" s="254" t="s">
        <v>14</v>
      </c>
      <c r="D5" s="254"/>
      <c r="E5" s="255"/>
      <c r="F5" s="21"/>
      <c r="G5" s="254" t="s">
        <v>83</v>
      </c>
      <c r="H5" s="254"/>
      <c r="I5" s="254"/>
      <c r="J5" s="254"/>
      <c r="K5" s="255"/>
      <c r="N5" s="67"/>
    </row>
    <row r="6" spans="1:18" ht="25.15" customHeight="1">
      <c r="A6" s="6"/>
      <c r="B6" s="52"/>
      <c r="C6" s="49" t="s">
        <v>33</v>
      </c>
      <c r="D6" s="50" t="s">
        <v>34</v>
      </c>
      <c r="E6" s="280"/>
      <c r="F6" s="280"/>
      <c r="G6" s="280"/>
      <c r="H6" s="280"/>
      <c r="I6" s="280"/>
      <c r="J6" s="280"/>
      <c r="K6" s="51" t="s">
        <v>35</v>
      </c>
    </row>
    <row r="7" spans="1:18" s="7" customFormat="1" ht="19.899999999999999" customHeight="1">
      <c r="A7" s="8">
        <v>2</v>
      </c>
      <c r="B7" s="11" t="s">
        <v>101</v>
      </c>
      <c r="C7" s="11"/>
      <c r="D7" s="11"/>
      <c r="E7" s="11"/>
      <c r="F7" s="11"/>
      <c r="G7" s="11"/>
      <c r="H7" s="11"/>
      <c r="I7" s="11"/>
      <c r="J7" s="11"/>
      <c r="K7" s="12"/>
    </row>
    <row r="8" spans="1:18" ht="25.15" customHeight="1">
      <c r="A8" s="2"/>
      <c r="B8" s="281"/>
      <c r="C8" s="282"/>
      <c r="D8" s="283" t="s">
        <v>11</v>
      </c>
      <c r="E8" s="283"/>
      <c r="F8" s="283"/>
      <c r="G8" s="283"/>
      <c r="H8" s="283"/>
      <c r="I8" s="283"/>
      <c r="J8" s="283"/>
      <c r="K8" s="284"/>
      <c r="L8" s="187"/>
      <c r="M8" s="187"/>
      <c r="N8" s="187"/>
      <c r="O8" s="187"/>
      <c r="P8" s="187"/>
      <c r="Q8" s="187"/>
      <c r="R8" s="187"/>
    </row>
    <row r="9" spans="1:18" ht="25.15" customHeight="1">
      <c r="A9" s="4"/>
      <c r="B9" s="285" t="s">
        <v>184</v>
      </c>
      <c r="C9" s="286"/>
      <c r="D9" s="286"/>
      <c r="E9" s="238"/>
      <c r="F9" s="238"/>
      <c r="G9" s="25" t="s">
        <v>63</v>
      </c>
      <c r="H9" s="25"/>
      <c r="I9" s="25"/>
      <c r="J9" s="25"/>
      <c r="K9" s="26"/>
      <c r="L9" s="187"/>
      <c r="M9" s="187"/>
      <c r="N9" s="187"/>
      <c r="O9" s="187"/>
      <c r="P9" s="187"/>
      <c r="Q9" s="187"/>
      <c r="R9" s="187"/>
    </row>
    <row r="10" spans="1:18" s="7" customFormat="1" ht="19.899999999999999" customHeight="1">
      <c r="A10" s="8">
        <v>3</v>
      </c>
      <c r="B10" s="11" t="s">
        <v>62</v>
      </c>
      <c r="C10" s="11"/>
      <c r="D10" s="11"/>
      <c r="E10" s="11"/>
      <c r="F10" s="11"/>
      <c r="G10" s="11"/>
      <c r="H10" s="11"/>
      <c r="I10" s="11"/>
      <c r="J10" s="11"/>
      <c r="K10" s="12"/>
      <c r="L10" s="188"/>
      <c r="M10" s="188"/>
      <c r="N10" s="188"/>
      <c r="O10" s="188"/>
      <c r="P10" s="188"/>
      <c r="Q10" s="188"/>
      <c r="R10" s="188"/>
    </row>
    <row r="11" spans="1:18" ht="19.899999999999999" customHeight="1">
      <c r="A11" s="249" t="s">
        <v>91</v>
      </c>
      <c r="B11" s="250"/>
      <c r="C11" s="250"/>
      <c r="D11" s="250"/>
      <c r="E11" s="250"/>
      <c r="F11" s="250"/>
      <c r="G11" s="250"/>
      <c r="H11" s="250"/>
      <c r="I11" s="250"/>
      <c r="J11" s="250"/>
      <c r="K11" s="251"/>
      <c r="L11" s="187"/>
      <c r="M11" s="187"/>
      <c r="N11" s="187"/>
      <c r="O11" s="187"/>
      <c r="P11" s="187"/>
      <c r="Q11" s="187"/>
      <c r="R11" s="187"/>
    </row>
    <row r="12" spans="1:18" ht="40.15" customHeight="1">
      <c r="A12" s="38"/>
      <c r="B12" s="261" t="s">
        <v>0</v>
      </c>
      <c r="C12" s="263"/>
      <c r="D12" s="261" t="s">
        <v>1</v>
      </c>
      <c r="E12" s="262"/>
      <c r="F12" s="263"/>
      <c r="G12" s="47" t="s">
        <v>2</v>
      </c>
      <c r="H12" s="47" t="s">
        <v>3</v>
      </c>
      <c r="I12" s="15" t="s">
        <v>4</v>
      </c>
      <c r="J12" s="15" t="s">
        <v>5</v>
      </c>
      <c r="K12" s="47" t="s">
        <v>6</v>
      </c>
      <c r="L12" s="187"/>
      <c r="M12" s="187"/>
      <c r="N12" s="187"/>
      <c r="O12" s="187"/>
      <c r="P12" s="187"/>
      <c r="Q12" s="187"/>
      <c r="R12" s="187"/>
    </row>
    <row r="13" spans="1:18" ht="31.5" customHeight="1">
      <c r="A13" s="38"/>
      <c r="B13" s="261" t="s">
        <v>7</v>
      </c>
      <c r="C13" s="263"/>
      <c r="D13" s="264" t="s">
        <v>173</v>
      </c>
      <c r="E13" s="265"/>
      <c r="F13" s="266"/>
      <c r="G13" s="16" t="s">
        <v>8</v>
      </c>
      <c r="H13" s="16" t="s">
        <v>9</v>
      </c>
      <c r="I13" s="16" t="s">
        <v>70</v>
      </c>
      <c r="J13" s="16" t="s">
        <v>69</v>
      </c>
      <c r="K13" s="16" t="s">
        <v>10</v>
      </c>
      <c r="L13" s="187"/>
      <c r="M13" s="187"/>
      <c r="N13" s="187"/>
      <c r="O13" s="187"/>
      <c r="P13" s="187"/>
      <c r="Q13" s="187"/>
      <c r="R13" s="187"/>
    </row>
    <row r="14" spans="1:18" ht="19.899999999999999" customHeight="1">
      <c r="A14" s="267" t="s">
        <v>65</v>
      </c>
      <c r="B14" s="268"/>
      <c r="C14" s="250"/>
      <c r="D14" s="250"/>
      <c r="E14" s="250"/>
      <c r="F14" s="250"/>
      <c r="G14" s="250"/>
      <c r="H14" s="250"/>
      <c r="I14" s="250"/>
      <c r="J14" s="250"/>
      <c r="K14" s="251"/>
      <c r="L14" s="187"/>
      <c r="M14" s="187"/>
      <c r="N14" s="187"/>
      <c r="O14" s="187"/>
      <c r="P14" s="187"/>
      <c r="Q14" s="187"/>
      <c r="R14" s="187"/>
    </row>
    <row r="15" spans="1:18" ht="28.5" customHeight="1">
      <c r="A15" s="38"/>
      <c r="B15" s="306"/>
      <c r="C15" s="269" t="s">
        <v>64</v>
      </c>
      <c r="D15" s="269"/>
      <c r="E15" s="269"/>
      <c r="F15" s="269"/>
      <c r="G15" s="269"/>
      <c r="H15" s="269"/>
      <c r="I15" s="270"/>
      <c r="J15" s="270"/>
      <c r="K15" s="36" t="s">
        <v>53</v>
      </c>
      <c r="L15" s="187"/>
      <c r="M15" s="187"/>
      <c r="N15" s="187"/>
      <c r="O15" s="187"/>
      <c r="P15" s="187"/>
      <c r="Q15" s="187"/>
      <c r="R15" s="187"/>
    </row>
    <row r="16" spans="1:18" ht="28.5" customHeight="1">
      <c r="A16" s="38"/>
      <c r="B16" s="219"/>
      <c r="C16" s="269" t="s">
        <v>167</v>
      </c>
      <c r="D16" s="269"/>
      <c r="E16" s="269"/>
      <c r="F16" s="269"/>
      <c r="G16" s="269"/>
      <c r="H16" s="269"/>
      <c r="I16" s="270"/>
      <c r="J16" s="270"/>
      <c r="K16" s="36" t="s">
        <v>53</v>
      </c>
      <c r="L16" s="187"/>
      <c r="M16" s="187"/>
      <c r="N16" s="187"/>
      <c r="O16" s="187"/>
      <c r="P16" s="187"/>
      <c r="Q16" s="187"/>
      <c r="R16" s="187"/>
    </row>
    <row r="17" spans="1:18" ht="24" customHeight="1">
      <c r="A17" s="41"/>
      <c r="B17" s="42"/>
      <c r="C17" s="258" t="s">
        <v>66</v>
      </c>
      <c r="D17" s="258"/>
      <c r="E17" s="258"/>
      <c r="F17" s="258"/>
      <c r="G17" s="258"/>
      <c r="H17" s="258"/>
      <c r="I17" s="46"/>
      <c r="J17" s="46"/>
      <c r="K17" s="90"/>
      <c r="L17" s="187"/>
      <c r="M17" s="187"/>
      <c r="N17" s="187"/>
      <c r="O17" s="187"/>
      <c r="P17" s="187"/>
      <c r="Q17" s="187"/>
      <c r="R17" s="187"/>
    </row>
    <row r="18" spans="1:18" ht="22.5" customHeight="1">
      <c r="A18" s="291" t="s">
        <v>169</v>
      </c>
      <c r="B18" s="292"/>
      <c r="C18" s="292"/>
      <c r="D18" s="292"/>
      <c r="E18" s="292"/>
      <c r="F18" s="292"/>
      <c r="G18" s="292"/>
      <c r="H18" s="292"/>
      <c r="I18" s="292"/>
      <c r="J18" s="292"/>
      <c r="K18" s="43"/>
      <c r="L18" s="187"/>
      <c r="M18" s="187"/>
      <c r="N18" s="187"/>
      <c r="O18" s="187"/>
      <c r="P18" s="187"/>
      <c r="Q18" s="187"/>
      <c r="R18" s="187"/>
    </row>
    <row r="19" spans="1:18" ht="22.5" customHeight="1">
      <c r="A19" s="159"/>
      <c r="B19" s="157" t="s">
        <v>171</v>
      </c>
      <c r="C19" s="158"/>
      <c r="D19" s="307"/>
      <c r="E19" s="308"/>
      <c r="F19" s="308"/>
      <c r="G19" s="173" t="s">
        <v>178</v>
      </c>
      <c r="H19" s="171"/>
      <c r="I19" s="172"/>
      <c r="J19" s="160"/>
      <c r="K19" s="29"/>
      <c r="L19" s="187"/>
      <c r="M19" s="187"/>
      <c r="N19" s="187"/>
      <c r="O19" s="187"/>
      <c r="P19" s="187"/>
      <c r="Q19" s="187"/>
      <c r="R19" s="187"/>
    </row>
    <row r="20" spans="1:18" ht="22.5" customHeight="1">
      <c r="A20" s="159"/>
      <c r="B20" s="161"/>
      <c r="C20" s="161"/>
      <c r="D20" s="161"/>
      <c r="E20" s="161"/>
      <c r="F20" s="161"/>
      <c r="G20" s="161"/>
      <c r="H20" s="172"/>
      <c r="I20" s="160"/>
      <c r="J20" s="160"/>
      <c r="K20" s="29"/>
      <c r="L20" s="187"/>
      <c r="M20" s="187"/>
      <c r="N20" s="187"/>
      <c r="O20" s="187"/>
      <c r="P20" s="187"/>
      <c r="Q20" s="187"/>
      <c r="R20" s="187"/>
    </row>
    <row r="21" spans="1:18" ht="27.75" customHeight="1">
      <c r="A21" s="6"/>
      <c r="B21" s="277" t="s">
        <v>201</v>
      </c>
      <c r="C21" s="278"/>
      <c r="D21" s="279"/>
      <c r="E21" s="275"/>
      <c r="F21" s="276"/>
      <c r="G21" s="156" t="s">
        <v>25</v>
      </c>
      <c r="H21" s="28"/>
      <c r="I21" s="5"/>
      <c r="J21" s="5"/>
      <c r="K21" s="186"/>
      <c r="L21" s="187"/>
      <c r="M21" s="187"/>
      <c r="N21" s="187"/>
      <c r="O21" s="187"/>
      <c r="P21" s="187"/>
      <c r="Q21" s="187"/>
      <c r="R21" s="187"/>
    </row>
    <row r="22" spans="1:18" ht="27.75" customHeight="1">
      <c r="A22" s="6"/>
      <c r="B22" s="272" t="s">
        <v>202</v>
      </c>
      <c r="C22" s="273"/>
      <c r="D22" s="274"/>
      <c r="E22" s="275"/>
      <c r="F22" s="276"/>
      <c r="G22" s="156" t="s">
        <v>25</v>
      </c>
      <c r="H22" s="28"/>
      <c r="I22" s="5"/>
      <c r="J22" s="5"/>
      <c r="K22" s="186"/>
      <c r="L22" s="187"/>
      <c r="M22" s="187"/>
      <c r="N22" s="187"/>
      <c r="O22" s="187"/>
      <c r="P22" s="187"/>
      <c r="Q22" s="187"/>
      <c r="R22" s="187"/>
    </row>
    <row r="23" spans="1:18" ht="27.75" customHeight="1">
      <c r="A23" s="6"/>
      <c r="B23" s="303" t="s">
        <v>174</v>
      </c>
      <c r="C23" s="289"/>
      <c r="D23" s="304"/>
      <c r="E23" s="275"/>
      <c r="F23" s="276"/>
      <c r="G23" s="156" t="s">
        <v>25</v>
      </c>
      <c r="H23" s="28"/>
      <c r="I23" s="5"/>
      <c r="J23" s="5"/>
      <c r="K23" s="186"/>
      <c r="L23" s="187"/>
      <c r="M23" s="187"/>
      <c r="N23" s="187"/>
      <c r="O23" s="187"/>
      <c r="P23" s="187"/>
      <c r="Q23" s="187"/>
      <c r="R23" s="187"/>
    </row>
    <row r="24" spans="1:18" ht="22.5" customHeight="1">
      <c r="A24" s="6"/>
      <c r="B24" s="27"/>
      <c r="C24" s="27"/>
      <c r="D24" s="28"/>
      <c r="E24" s="34"/>
      <c r="F24" s="34"/>
      <c r="G24" s="19"/>
      <c r="H24" s="19"/>
      <c r="I24" s="19"/>
      <c r="J24" s="19"/>
      <c r="K24" s="29"/>
      <c r="L24" s="187"/>
      <c r="M24" s="187"/>
      <c r="N24" s="187"/>
      <c r="O24" s="187"/>
      <c r="P24" s="187"/>
      <c r="Q24" s="187"/>
      <c r="R24" s="187"/>
    </row>
    <row r="25" spans="1:18" ht="22.5" customHeight="1">
      <c r="A25" s="287" t="s">
        <v>170</v>
      </c>
      <c r="B25" s="288"/>
      <c r="C25" s="288"/>
      <c r="D25" s="288"/>
      <c r="E25" s="288"/>
      <c r="F25" s="288"/>
      <c r="G25" s="288"/>
      <c r="H25" s="288"/>
      <c r="I25" s="288"/>
      <c r="J25" s="288"/>
      <c r="K25" s="29"/>
      <c r="L25" s="187"/>
      <c r="M25" s="187"/>
      <c r="N25" s="187"/>
      <c r="O25" s="187"/>
      <c r="P25" s="187"/>
      <c r="Q25" s="187"/>
      <c r="R25" s="187"/>
    </row>
    <row r="26" spans="1:18" ht="27.75" customHeight="1">
      <c r="A26" s="6"/>
      <c r="B26" s="285" t="s">
        <v>175</v>
      </c>
      <c r="C26" s="286"/>
      <c r="D26" s="305"/>
      <c r="E26" s="275"/>
      <c r="F26" s="276"/>
      <c r="G26" s="48" t="s">
        <v>53</v>
      </c>
      <c r="H26" s="28"/>
      <c r="I26" s="190"/>
      <c r="J26" s="190"/>
      <c r="K26" s="191"/>
      <c r="L26" s="187"/>
      <c r="M26" s="187"/>
      <c r="N26" s="187"/>
      <c r="O26" s="187"/>
    </row>
    <row r="27" spans="1:18" ht="27.75" customHeight="1">
      <c r="A27" s="6"/>
      <c r="B27" s="285" t="s">
        <v>52</v>
      </c>
      <c r="C27" s="286"/>
      <c r="D27" s="305"/>
      <c r="E27" s="275"/>
      <c r="F27" s="290"/>
      <c r="G27" s="48" t="s">
        <v>25</v>
      </c>
      <c r="H27" s="28"/>
      <c r="I27" s="190"/>
      <c r="J27" s="190"/>
      <c r="K27" s="191"/>
      <c r="L27" s="187"/>
      <c r="M27" s="187"/>
      <c r="N27" s="187"/>
      <c r="O27" s="187"/>
    </row>
    <row r="28" spans="1:18" ht="27.75" customHeight="1">
      <c r="A28" s="6"/>
      <c r="B28" s="272" t="s">
        <v>203</v>
      </c>
      <c r="C28" s="273"/>
      <c r="D28" s="274"/>
      <c r="E28" s="275"/>
      <c r="F28" s="276"/>
      <c r="G28" s="48" t="s">
        <v>53</v>
      </c>
      <c r="H28" s="28"/>
      <c r="I28" s="190"/>
      <c r="J28" s="190"/>
      <c r="K28" s="191"/>
      <c r="L28" s="187"/>
      <c r="M28" s="187"/>
      <c r="N28" s="187"/>
      <c r="O28" s="187"/>
    </row>
    <row r="29" spans="1:18" ht="27.75" customHeight="1">
      <c r="A29" s="6"/>
      <c r="B29" s="272" t="s">
        <v>204</v>
      </c>
      <c r="C29" s="273"/>
      <c r="D29" s="274"/>
      <c r="E29" s="275"/>
      <c r="F29" s="276"/>
      <c r="G29" s="48" t="s">
        <v>53</v>
      </c>
      <c r="H29" s="28"/>
      <c r="I29" s="190"/>
      <c r="J29" s="190"/>
      <c r="K29" s="191"/>
      <c r="L29" s="187"/>
      <c r="M29" s="187"/>
      <c r="N29" s="187"/>
      <c r="O29" s="187"/>
    </row>
    <row r="30" spans="1:18" ht="27.75" customHeight="1">
      <c r="A30" s="6"/>
      <c r="B30" s="272" t="s">
        <v>176</v>
      </c>
      <c r="C30" s="273"/>
      <c r="D30" s="274"/>
      <c r="E30" s="275"/>
      <c r="F30" s="276"/>
      <c r="G30" s="48" t="s">
        <v>53</v>
      </c>
      <c r="H30" s="28"/>
      <c r="I30" s="190"/>
      <c r="J30" s="190"/>
      <c r="K30" s="191"/>
      <c r="L30" s="187"/>
      <c r="M30" s="187"/>
      <c r="N30" s="187"/>
      <c r="O30" s="187"/>
    </row>
    <row r="31" spans="1:18" ht="27.75" customHeight="1">
      <c r="A31" s="6"/>
      <c r="B31" s="272" t="s">
        <v>177</v>
      </c>
      <c r="C31" s="273"/>
      <c r="D31" s="274"/>
      <c r="E31" s="275"/>
      <c r="F31" s="276"/>
      <c r="G31" s="48" t="s">
        <v>53</v>
      </c>
      <c r="H31" s="28"/>
      <c r="I31" s="190"/>
      <c r="J31" s="190"/>
      <c r="K31" s="191"/>
      <c r="L31" s="187"/>
      <c r="M31" s="187"/>
      <c r="N31" s="187"/>
      <c r="O31" s="187"/>
    </row>
    <row r="32" spans="1:18" ht="22.5" customHeight="1">
      <c r="A32" s="6"/>
      <c r="B32" s="27"/>
      <c r="C32" s="27" t="s">
        <v>179</v>
      </c>
      <c r="D32" s="28"/>
      <c r="E32" s="34"/>
      <c r="F32" s="34"/>
      <c r="G32" s="19"/>
      <c r="H32" s="19"/>
      <c r="I32" s="19"/>
      <c r="J32" s="19"/>
      <c r="K32" s="29"/>
      <c r="L32" s="187"/>
      <c r="M32" s="187"/>
      <c r="N32" s="187"/>
      <c r="O32" s="187"/>
      <c r="P32" s="187"/>
      <c r="Q32" s="187"/>
      <c r="R32" s="187"/>
    </row>
    <row r="33" spans="1:18" ht="22.5" customHeight="1">
      <c r="A33" s="287" t="s">
        <v>55</v>
      </c>
      <c r="B33" s="288"/>
      <c r="C33" s="288"/>
      <c r="D33" s="288"/>
      <c r="E33" s="288"/>
      <c r="F33" s="288"/>
      <c r="G33" s="288"/>
      <c r="H33" s="288"/>
      <c r="I33" s="288"/>
      <c r="J33" s="288"/>
      <c r="K33" s="29"/>
      <c r="L33" s="187"/>
      <c r="M33" s="187"/>
      <c r="N33" s="187"/>
      <c r="O33" s="187"/>
      <c r="P33" s="187"/>
      <c r="Q33" s="187"/>
      <c r="R33" s="187"/>
    </row>
    <row r="34" spans="1:18" ht="30" customHeight="1">
      <c r="A34" s="3"/>
      <c r="B34" s="24"/>
      <c r="C34" s="289" t="s">
        <v>54</v>
      </c>
      <c r="D34" s="289"/>
      <c r="E34" s="289"/>
      <c r="F34" s="289"/>
      <c r="G34" s="289"/>
      <c r="H34" s="289"/>
      <c r="I34" s="289"/>
      <c r="J34" s="289"/>
      <c r="K34" s="26"/>
      <c r="L34" s="187"/>
      <c r="M34" s="187"/>
      <c r="N34" s="187"/>
      <c r="O34" s="187"/>
      <c r="P34" s="187"/>
      <c r="Q34" s="187"/>
      <c r="R34" s="187"/>
    </row>
    <row r="35" spans="1:18" s="7" customFormat="1" ht="19.899999999999999" customHeight="1">
      <c r="A35" s="8">
        <v>4</v>
      </c>
      <c r="B35" s="9" t="s">
        <v>56</v>
      </c>
      <c r="C35" s="9"/>
      <c r="D35" s="9"/>
      <c r="E35" s="9"/>
      <c r="F35" s="9"/>
      <c r="G35" s="9"/>
      <c r="H35" s="9"/>
      <c r="I35" s="9"/>
      <c r="J35" s="9"/>
      <c r="K35" s="10"/>
      <c r="L35" s="188"/>
      <c r="M35" s="188"/>
      <c r="N35" s="188"/>
      <c r="O35" s="188"/>
      <c r="P35" s="188"/>
      <c r="Q35" s="188"/>
      <c r="R35" s="188"/>
    </row>
    <row r="36" spans="1:18" ht="22.5" customHeight="1">
      <c r="A36" s="32"/>
      <c r="B36" s="285" t="s">
        <v>57</v>
      </c>
      <c r="C36" s="286"/>
      <c r="D36" s="286"/>
      <c r="E36" s="286"/>
      <c r="F36" s="238"/>
      <c r="G36" s="238"/>
      <c r="H36" s="238"/>
      <c r="I36" s="238"/>
      <c r="J36" s="53" t="s">
        <v>60</v>
      </c>
      <c r="K36" s="54"/>
      <c r="L36" s="187"/>
      <c r="M36" s="187"/>
      <c r="N36" s="187"/>
      <c r="O36" s="187"/>
      <c r="P36" s="187"/>
      <c r="Q36" s="187"/>
      <c r="R36" s="187"/>
    </row>
    <row r="37" spans="1:18" ht="22.5" customHeight="1">
      <c r="A37" s="32"/>
      <c r="B37" s="285" t="s">
        <v>58</v>
      </c>
      <c r="C37" s="286"/>
      <c r="D37" s="286"/>
      <c r="E37" s="286"/>
      <c r="F37" s="238"/>
      <c r="G37" s="238"/>
      <c r="H37" s="238"/>
      <c r="I37" s="238"/>
      <c r="J37" s="53" t="s">
        <v>61</v>
      </c>
      <c r="K37" s="54"/>
      <c r="L37" s="187"/>
      <c r="M37" s="187"/>
      <c r="N37" s="187"/>
      <c r="O37" s="187"/>
      <c r="P37" s="187"/>
      <c r="Q37" s="187"/>
      <c r="R37" s="187"/>
    </row>
    <row r="38" spans="1:18" ht="22.5" customHeight="1">
      <c r="A38" s="4"/>
      <c r="B38" s="291" t="s">
        <v>196</v>
      </c>
      <c r="C38" s="292"/>
      <c r="D38" s="292"/>
      <c r="E38" s="292"/>
      <c r="F38" s="293"/>
      <c r="G38" s="293"/>
      <c r="H38" s="293"/>
      <c r="I38" s="293"/>
      <c r="J38" s="293"/>
      <c r="K38" s="294"/>
      <c r="L38" s="187"/>
      <c r="M38" s="187"/>
      <c r="N38" s="187"/>
      <c r="O38" s="187"/>
      <c r="P38" s="187"/>
      <c r="Q38" s="187"/>
      <c r="R38" s="187"/>
    </row>
    <row r="39" spans="1:18" ht="22.5" customHeight="1">
      <c r="A39" s="3"/>
      <c r="B39" s="35"/>
      <c r="C39" s="33"/>
      <c r="D39" s="33"/>
      <c r="E39" s="33"/>
      <c r="F39" s="295"/>
      <c r="G39" s="295"/>
      <c r="H39" s="295"/>
      <c r="I39" s="295"/>
      <c r="J39" s="295"/>
      <c r="K39" s="296"/>
      <c r="L39" s="187"/>
      <c r="M39" s="187"/>
      <c r="N39" s="187"/>
      <c r="O39" s="187"/>
      <c r="P39" s="187"/>
      <c r="Q39" s="187"/>
      <c r="R39" s="187"/>
    </row>
    <row r="40" spans="1:18" ht="22.5" customHeight="1">
      <c r="A40" s="4"/>
      <c r="B40" s="297" t="s">
        <v>59</v>
      </c>
      <c r="C40" s="298"/>
      <c r="D40" s="299"/>
      <c r="E40" s="299"/>
      <c r="F40" s="299"/>
      <c r="G40" s="299"/>
      <c r="H40" s="299"/>
      <c r="I40" s="299"/>
      <c r="J40" s="299"/>
      <c r="K40" s="300"/>
      <c r="L40" s="187"/>
      <c r="M40" s="187"/>
      <c r="N40" s="187"/>
      <c r="O40" s="187"/>
      <c r="P40" s="187"/>
      <c r="Q40" s="187"/>
      <c r="R40" s="187"/>
    </row>
    <row r="41" spans="1:18" ht="22.5" customHeight="1">
      <c r="A41" s="3"/>
      <c r="B41" s="30"/>
      <c r="C41" s="24"/>
      <c r="D41" s="301"/>
      <c r="E41" s="301"/>
      <c r="F41" s="301"/>
      <c r="G41" s="301"/>
      <c r="H41" s="301"/>
      <c r="I41" s="301"/>
      <c r="J41" s="301"/>
      <c r="K41" s="302"/>
      <c r="L41" s="187"/>
      <c r="M41" s="187"/>
      <c r="N41" s="187"/>
      <c r="O41" s="187"/>
      <c r="P41" s="187"/>
      <c r="Q41" s="187"/>
      <c r="R41" s="187"/>
    </row>
    <row r="42" spans="1:18" s="7" customFormat="1" ht="19.899999999999999" customHeight="1">
      <c r="A42" s="8">
        <v>5</v>
      </c>
      <c r="B42" s="9" t="s">
        <v>197</v>
      </c>
      <c r="C42" s="9"/>
      <c r="D42" s="9"/>
      <c r="E42" s="9"/>
      <c r="F42" s="9"/>
      <c r="G42" s="9"/>
      <c r="H42" s="9"/>
      <c r="I42" s="9"/>
      <c r="J42" s="9"/>
      <c r="K42" s="10"/>
    </row>
    <row r="43" spans="1:18" ht="22.5" customHeight="1">
      <c r="A43" s="243"/>
      <c r="B43" s="244"/>
      <c r="C43" s="244"/>
      <c r="D43" s="244"/>
      <c r="E43" s="244"/>
      <c r="F43" s="244"/>
      <c r="G43" s="244"/>
      <c r="H43" s="244"/>
      <c r="I43" s="244"/>
      <c r="J43" s="244"/>
      <c r="K43" s="245"/>
      <c r="N43" s="23"/>
    </row>
    <row r="44" spans="1:18" ht="22.5" customHeight="1">
      <c r="A44" s="246"/>
      <c r="B44" s="247"/>
      <c r="C44" s="247"/>
      <c r="D44" s="247"/>
      <c r="E44" s="247"/>
      <c r="F44" s="247"/>
      <c r="G44" s="247"/>
      <c r="H44" s="247"/>
      <c r="I44" s="247"/>
      <c r="J44" s="247"/>
      <c r="K44" s="248"/>
    </row>
    <row r="45" spans="1:18" ht="22.5" customHeight="1">
      <c r="A45" s="8">
        <v>6</v>
      </c>
      <c r="B45" s="9" t="s">
        <v>22</v>
      </c>
      <c r="C45" s="9"/>
      <c r="D45" s="9"/>
      <c r="E45" s="9"/>
      <c r="F45" s="9"/>
      <c r="G45" s="9"/>
      <c r="H45" s="9"/>
      <c r="I45" s="9"/>
      <c r="J45" s="9"/>
      <c r="K45" s="10"/>
      <c r="L45" s="187"/>
      <c r="M45" s="187"/>
      <c r="N45" s="187"/>
      <c r="O45" s="187"/>
      <c r="P45" s="187"/>
      <c r="Q45" s="187"/>
      <c r="R45" s="187"/>
    </row>
    <row r="46" spans="1:18" ht="56.25" customHeight="1">
      <c r="A46" s="243"/>
      <c r="B46" s="244"/>
      <c r="C46" s="244"/>
      <c r="D46" s="244"/>
      <c r="E46" s="244"/>
      <c r="F46" s="244"/>
      <c r="G46" s="244"/>
      <c r="H46" s="244"/>
      <c r="I46" s="244"/>
      <c r="J46" s="244"/>
      <c r="K46" s="245"/>
      <c r="L46" s="187"/>
      <c r="M46" s="187"/>
      <c r="N46" s="189"/>
      <c r="O46" s="187"/>
      <c r="P46" s="187"/>
      <c r="Q46" s="187"/>
      <c r="R46" s="187"/>
    </row>
    <row r="47" spans="1:18" ht="56.25" customHeight="1">
      <c r="A47" s="246"/>
      <c r="B47" s="247"/>
      <c r="C47" s="247"/>
      <c r="D47" s="247"/>
      <c r="E47" s="247"/>
      <c r="F47" s="247"/>
      <c r="G47" s="247"/>
      <c r="H47" s="247"/>
      <c r="I47" s="247"/>
      <c r="J47" s="247"/>
      <c r="K47" s="248"/>
      <c r="L47" s="187"/>
      <c r="M47" s="187"/>
      <c r="N47" s="187"/>
      <c r="O47" s="187"/>
      <c r="P47" s="187"/>
      <c r="Q47" s="187"/>
      <c r="R47" s="187"/>
    </row>
    <row r="48" spans="1:18" ht="22.5" customHeight="1">
      <c r="A48" s="8">
        <v>7</v>
      </c>
      <c r="B48" s="9" t="s">
        <v>36</v>
      </c>
      <c r="C48" s="9"/>
      <c r="D48" s="9"/>
      <c r="E48" s="9"/>
      <c r="F48" s="9"/>
      <c r="G48" s="9"/>
      <c r="H48" s="9"/>
      <c r="I48" s="9"/>
      <c r="J48" s="9"/>
      <c r="K48" s="10"/>
      <c r="L48" s="187"/>
      <c r="M48" s="187"/>
      <c r="N48" s="187"/>
      <c r="O48" s="187"/>
      <c r="P48" s="187"/>
      <c r="Q48" s="187"/>
      <c r="R48" s="187"/>
    </row>
    <row r="49" spans="1:18" s="22" customFormat="1" ht="22.5" customHeight="1">
      <c r="A49" s="44"/>
      <c r="B49" s="225" t="s">
        <v>39</v>
      </c>
      <c r="C49" s="226"/>
      <c r="D49" s="227"/>
      <c r="E49" s="228"/>
      <c r="F49" s="174" t="s">
        <v>12</v>
      </c>
      <c r="G49" s="230" t="s">
        <v>43</v>
      </c>
      <c r="H49" s="226"/>
      <c r="I49" s="237"/>
      <c r="J49" s="238"/>
      <c r="K49" s="239"/>
      <c r="L49" s="187"/>
      <c r="M49" s="187"/>
      <c r="N49" s="187"/>
      <c r="O49" s="187"/>
      <c r="P49" s="187"/>
      <c r="Q49" s="187"/>
      <c r="R49" s="187"/>
    </row>
    <row r="50" spans="1:18" s="22" customFormat="1" ht="22.5" customHeight="1">
      <c r="A50" s="44"/>
      <c r="B50" s="225" t="s">
        <v>40</v>
      </c>
      <c r="C50" s="226"/>
      <c r="D50" s="227"/>
      <c r="E50" s="228"/>
      <c r="F50" s="174" t="s">
        <v>12</v>
      </c>
      <c r="G50" s="230" t="s">
        <v>43</v>
      </c>
      <c r="H50" s="226"/>
      <c r="I50" s="237"/>
      <c r="J50" s="238"/>
      <c r="K50" s="239"/>
      <c r="L50" s="187"/>
      <c r="M50" s="187"/>
      <c r="N50" s="187"/>
      <c r="O50" s="187"/>
      <c r="P50" s="187"/>
      <c r="Q50" s="187"/>
      <c r="R50" s="187"/>
    </row>
    <row r="51" spans="1:18" s="22" customFormat="1" ht="22.5" customHeight="1">
      <c r="A51" s="45"/>
      <c r="B51" s="225" t="s">
        <v>41</v>
      </c>
      <c r="C51" s="226"/>
      <c r="D51" s="227"/>
      <c r="E51" s="228"/>
      <c r="F51" s="174" t="s">
        <v>12</v>
      </c>
      <c r="G51" s="230" t="s">
        <v>43</v>
      </c>
      <c r="H51" s="226"/>
      <c r="I51" s="237"/>
      <c r="J51" s="238"/>
      <c r="K51" s="239"/>
      <c r="L51" s="187"/>
      <c r="M51" s="187"/>
      <c r="N51" s="187"/>
      <c r="O51" s="187"/>
      <c r="P51" s="187"/>
      <c r="Q51" s="187"/>
      <c r="R51" s="187"/>
    </row>
    <row r="52" spans="1:18" s="22" customFormat="1" ht="22.5" customHeight="1">
      <c r="A52" s="41"/>
      <c r="B52" s="225" t="s">
        <v>42</v>
      </c>
      <c r="C52" s="226"/>
      <c r="D52" s="227"/>
      <c r="E52" s="228"/>
      <c r="F52" s="174" t="s">
        <v>12</v>
      </c>
      <c r="G52" s="230" t="s">
        <v>44</v>
      </c>
      <c r="H52" s="226"/>
      <c r="I52" s="237"/>
      <c r="J52" s="238"/>
      <c r="K52" s="239"/>
      <c r="L52" s="187"/>
      <c r="M52" s="187"/>
      <c r="N52" s="187"/>
      <c r="O52" s="187"/>
      <c r="P52" s="187"/>
      <c r="Q52" s="187"/>
      <c r="R52" s="187"/>
    </row>
    <row r="53" spans="1:18" ht="22.5" customHeight="1">
      <c r="A53" s="8">
        <v>8</v>
      </c>
      <c r="B53" s="9" t="s">
        <v>38</v>
      </c>
      <c r="C53" s="9"/>
      <c r="D53" s="9"/>
      <c r="E53" s="9"/>
      <c r="F53" s="9"/>
      <c r="G53" s="9"/>
      <c r="H53" s="9"/>
      <c r="I53" s="9"/>
      <c r="J53" s="9"/>
      <c r="K53" s="10"/>
      <c r="L53" s="187"/>
      <c r="M53" s="187"/>
      <c r="N53" s="187"/>
      <c r="O53" s="187"/>
      <c r="P53" s="187"/>
      <c r="Q53" s="187"/>
      <c r="R53" s="187"/>
    </row>
    <row r="54" spans="1:18" s="22" customFormat="1" ht="22.5" customHeight="1">
      <c r="A54" s="45"/>
      <c r="B54" s="225" t="s">
        <v>45</v>
      </c>
      <c r="C54" s="226"/>
      <c r="D54" s="227"/>
      <c r="E54" s="228"/>
      <c r="F54" s="229"/>
      <c r="G54" s="230" t="s">
        <v>47</v>
      </c>
      <c r="H54" s="226"/>
      <c r="I54" s="227"/>
      <c r="J54" s="228"/>
      <c r="K54" s="229"/>
      <c r="L54" s="187"/>
      <c r="M54" s="187"/>
      <c r="N54" s="187"/>
      <c r="O54" s="187"/>
      <c r="P54" s="187"/>
      <c r="Q54" s="187"/>
      <c r="R54" s="187"/>
    </row>
    <row r="55" spans="1:18" s="22" customFormat="1" ht="22.5" customHeight="1">
      <c r="A55" s="45"/>
      <c r="B55" s="225" t="s">
        <v>46</v>
      </c>
      <c r="C55" s="226"/>
      <c r="D55" s="227"/>
      <c r="E55" s="228"/>
      <c r="F55" s="229"/>
      <c r="G55" s="230" t="s">
        <v>48</v>
      </c>
      <c r="H55" s="226"/>
      <c r="I55" s="231"/>
      <c r="J55" s="232"/>
      <c r="K55" s="233"/>
      <c r="L55" s="187"/>
      <c r="M55" s="187"/>
      <c r="N55" s="187"/>
      <c r="O55" s="187"/>
      <c r="P55" s="187"/>
      <c r="Q55" s="187"/>
      <c r="R55" s="187"/>
    </row>
    <row r="56" spans="1:18" ht="22.5" customHeight="1">
      <c r="A56" s="8">
        <v>9</v>
      </c>
      <c r="B56" s="9" t="s">
        <v>84</v>
      </c>
      <c r="C56" s="9"/>
      <c r="D56" s="9"/>
      <c r="E56" s="9"/>
      <c r="F56" s="9"/>
      <c r="G56" s="9"/>
      <c r="H56" s="9"/>
      <c r="I56" s="9"/>
      <c r="J56" s="9"/>
      <c r="K56" s="10"/>
      <c r="L56" s="187"/>
      <c r="M56" s="187"/>
      <c r="N56" s="187"/>
      <c r="O56" s="187"/>
      <c r="P56" s="187"/>
      <c r="Q56" s="187"/>
      <c r="R56" s="187"/>
    </row>
    <row r="57" spans="1:18" s="22" customFormat="1" ht="22.5" customHeight="1">
      <c r="A57" s="45"/>
      <c r="B57" s="225" t="s">
        <v>85</v>
      </c>
      <c r="C57" s="226"/>
      <c r="D57" s="237"/>
      <c r="E57" s="238"/>
      <c r="F57" s="238"/>
      <c r="G57" s="238"/>
      <c r="H57" s="238"/>
      <c r="I57" s="238"/>
      <c r="J57" s="238"/>
      <c r="K57" s="239"/>
      <c r="L57" s="187"/>
      <c r="M57" s="187"/>
      <c r="N57" s="187"/>
      <c r="O57" s="187"/>
      <c r="P57" s="187"/>
      <c r="Q57" s="187"/>
      <c r="R57" s="187"/>
    </row>
    <row r="58" spans="1:18" s="22" customFormat="1" ht="22.5" customHeight="1">
      <c r="A58" s="45"/>
      <c r="B58" s="225" t="s">
        <v>87</v>
      </c>
      <c r="C58" s="226"/>
      <c r="D58" s="237"/>
      <c r="E58" s="238"/>
      <c r="F58" s="238"/>
      <c r="G58" s="238"/>
      <c r="H58" s="238"/>
      <c r="I58" s="238"/>
      <c r="J58" s="238"/>
      <c r="K58" s="239"/>
      <c r="L58" s="187"/>
      <c r="M58" s="187"/>
      <c r="N58" s="187"/>
      <c r="O58" s="187"/>
      <c r="P58" s="187"/>
      <c r="Q58" s="187"/>
      <c r="R58" s="187"/>
    </row>
    <row r="59" spans="1:18" s="22" customFormat="1" ht="22.5" customHeight="1">
      <c r="A59" s="45"/>
      <c r="B59" s="225" t="s">
        <v>86</v>
      </c>
      <c r="C59" s="226"/>
      <c r="D59" s="237"/>
      <c r="E59" s="238"/>
      <c r="F59" s="238"/>
      <c r="G59" s="238"/>
      <c r="H59" s="238"/>
      <c r="I59" s="238"/>
      <c r="J59" s="238"/>
      <c r="K59" s="239"/>
      <c r="L59" s="187"/>
      <c r="M59" s="187"/>
      <c r="N59" s="187"/>
      <c r="O59" s="187"/>
      <c r="P59" s="187"/>
      <c r="Q59" s="187"/>
      <c r="R59" s="187"/>
    </row>
    <row r="60" spans="1:18" ht="22.5" customHeight="1">
      <c r="A60" s="8">
        <v>10</v>
      </c>
      <c r="B60" s="9" t="s">
        <v>37</v>
      </c>
      <c r="C60" s="9"/>
      <c r="D60" s="9"/>
      <c r="E60" s="9"/>
      <c r="F60" s="9"/>
      <c r="G60" s="9"/>
      <c r="H60" s="9"/>
      <c r="I60" s="9"/>
      <c r="J60" s="9"/>
      <c r="K60" s="10"/>
      <c r="L60" s="187"/>
      <c r="M60" s="187"/>
      <c r="N60" s="187"/>
      <c r="O60" s="187"/>
      <c r="P60" s="187"/>
      <c r="Q60" s="187"/>
      <c r="R60" s="187"/>
    </row>
    <row r="61" spans="1:18" ht="60" customHeight="1">
      <c r="A61" s="240"/>
      <c r="B61" s="240"/>
      <c r="C61" s="240"/>
      <c r="D61" s="240"/>
      <c r="E61" s="240"/>
      <c r="F61" s="240"/>
      <c r="G61" s="240"/>
      <c r="H61" s="240"/>
      <c r="I61" s="240"/>
      <c r="J61" s="240"/>
      <c r="K61" s="240"/>
      <c r="L61" s="187"/>
      <c r="M61" s="187"/>
      <c r="N61" s="187"/>
      <c r="O61" s="187"/>
      <c r="P61" s="187"/>
      <c r="Q61" s="187"/>
      <c r="R61" s="187"/>
    </row>
    <row r="62" spans="1:18" ht="22.5" customHeight="1">
      <c r="A62" s="8">
        <v>11</v>
      </c>
      <c r="B62" s="9" t="s">
        <v>27</v>
      </c>
      <c r="C62" s="9"/>
      <c r="D62" s="9"/>
      <c r="E62" s="9"/>
      <c r="F62" s="9"/>
      <c r="G62" s="9"/>
      <c r="H62" s="9"/>
      <c r="I62" s="9"/>
      <c r="J62" s="9"/>
      <c r="K62" s="10"/>
      <c r="L62" s="187"/>
      <c r="M62" s="187"/>
      <c r="N62" s="187"/>
      <c r="O62" s="187"/>
      <c r="P62" s="187"/>
      <c r="Q62" s="187"/>
      <c r="R62" s="187"/>
    </row>
    <row r="63" spans="1:18" ht="60" customHeight="1">
      <c r="A63" s="234"/>
      <c r="B63" s="235"/>
      <c r="C63" s="235"/>
      <c r="D63" s="235"/>
      <c r="E63" s="235"/>
      <c r="F63" s="235"/>
      <c r="G63" s="235"/>
      <c r="H63" s="235"/>
      <c r="I63" s="235"/>
      <c r="J63" s="235"/>
      <c r="K63" s="236"/>
      <c r="L63" s="187"/>
      <c r="M63" s="187"/>
      <c r="N63" s="187"/>
      <c r="O63" s="187"/>
      <c r="P63" s="187"/>
      <c r="Q63" s="187"/>
      <c r="R63" s="187"/>
    </row>
    <row r="64" spans="1:18" ht="22.5" customHeight="1">
      <c r="A64" s="8">
        <v>12</v>
      </c>
      <c r="B64" s="9" t="s">
        <v>15</v>
      </c>
      <c r="C64" s="9"/>
      <c r="D64" s="9"/>
      <c r="E64" s="9"/>
      <c r="F64" s="9"/>
      <c r="G64" s="9"/>
      <c r="H64" s="9"/>
      <c r="I64" s="9"/>
      <c r="J64" s="9"/>
      <c r="K64" s="10"/>
      <c r="L64" s="187"/>
      <c r="M64" s="187"/>
      <c r="N64" s="187"/>
      <c r="O64" s="187"/>
      <c r="P64" s="187"/>
      <c r="Q64" s="187"/>
      <c r="R64" s="187"/>
    </row>
    <row r="65" spans="1:18" ht="25.15" customHeight="1">
      <c r="A65" s="219" t="s">
        <v>16</v>
      </c>
      <c r="B65" s="219"/>
      <c r="C65" s="220"/>
      <c r="D65" s="221"/>
      <c r="E65" s="221"/>
      <c r="F65" s="221"/>
      <c r="G65" s="221"/>
      <c r="H65" s="221"/>
      <c r="I65" s="221"/>
      <c r="J65" s="221"/>
      <c r="K65" s="221"/>
      <c r="L65" s="187"/>
      <c r="M65" s="187"/>
      <c r="N65" s="187"/>
      <c r="O65" s="187"/>
      <c r="P65" s="187"/>
      <c r="Q65" s="187"/>
      <c r="R65" s="187"/>
    </row>
    <row r="66" spans="1:18" ht="25.15" customHeight="1">
      <c r="A66" s="222" t="s">
        <v>26</v>
      </c>
      <c r="B66" s="222"/>
      <c r="C66" s="223"/>
      <c r="D66" s="223"/>
      <c r="E66" s="223"/>
      <c r="F66" s="223"/>
      <c r="G66" s="223"/>
      <c r="H66" s="223"/>
      <c r="I66" s="223"/>
      <c r="J66" s="223"/>
      <c r="K66" s="223"/>
      <c r="L66" s="187"/>
      <c r="M66" s="187"/>
      <c r="N66" s="187"/>
      <c r="O66" s="187"/>
      <c r="P66" s="187"/>
      <c r="Q66" s="187"/>
      <c r="R66" s="187"/>
    </row>
    <row r="67" spans="1:18" ht="10.15" customHeight="1">
      <c r="A67" s="5"/>
      <c r="B67" s="5"/>
      <c r="C67" s="37"/>
      <c r="D67" s="37"/>
      <c r="E67" s="37"/>
      <c r="F67" s="37"/>
      <c r="G67" s="37"/>
      <c r="H67" s="37"/>
      <c r="I67" s="37"/>
      <c r="J67" s="37"/>
      <c r="K67" s="37"/>
    </row>
    <row r="68" spans="1:18" ht="22.5" customHeight="1">
      <c r="A68" s="5"/>
      <c r="B68" s="5"/>
      <c r="C68" s="5"/>
      <c r="D68" s="5"/>
      <c r="E68" s="5"/>
      <c r="F68" s="5"/>
      <c r="G68" s="5"/>
      <c r="H68" s="224"/>
      <c r="I68" s="224"/>
      <c r="J68" s="224"/>
      <c r="K68" s="224"/>
    </row>
  </sheetData>
  <sheetProtection formatCells="0"/>
  <mergeCells count="90">
    <mergeCell ref="A14:K14"/>
    <mergeCell ref="B15:B16"/>
    <mergeCell ref="C15:H15"/>
    <mergeCell ref="E30:F30"/>
    <mergeCell ref="I15:J15"/>
    <mergeCell ref="C16:H16"/>
    <mergeCell ref="I16:J16"/>
    <mergeCell ref="C17:H17"/>
    <mergeCell ref="E26:F26"/>
    <mergeCell ref="A18:J18"/>
    <mergeCell ref="E29:F29"/>
    <mergeCell ref="E28:F28"/>
    <mergeCell ref="E22:F22"/>
    <mergeCell ref="D19:F19"/>
    <mergeCell ref="E21:F21"/>
    <mergeCell ref="B28:D28"/>
    <mergeCell ref="B52:C52"/>
    <mergeCell ref="B30:D30"/>
    <mergeCell ref="B31:D31"/>
    <mergeCell ref="E31:F31"/>
    <mergeCell ref="B37:E37"/>
    <mergeCell ref="F37:I37"/>
    <mergeCell ref="G52:H52"/>
    <mergeCell ref="I52:K52"/>
    <mergeCell ref="A46:K47"/>
    <mergeCell ref="B49:C49"/>
    <mergeCell ref="G49:H49"/>
    <mergeCell ref="I49:K49"/>
    <mergeCell ref="B50:C50"/>
    <mergeCell ref="D49:E49"/>
    <mergeCell ref="D57:K57"/>
    <mergeCell ref="B58:C58"/>
    <mergeCell ref="D58:K58"/>
    <mergeCell ref="B59:C59"/>
    <mergeCell ref="D59:K59"/>
    <mergeCell ref="H68:K68"/>
    <mergeCell ref="B54:C54"/>
    <mergeCell ref="G54:H54"/>
    <mergeCell ref="B55:C55"/>
    <mergeCell ref="G55:H55"/>
    <mergeCell ref="A61:K61"/>
    <mergeCell ref="A63:K63"/>
    <mergeCell ref="D54:F54"/>
    <mergeCell ref="D55:F55"/>
    <mergeCell ref="I54:K54"/>
    <mergeCell ref="I55:K55"/>
    <mergeCell ref="A65:B65"/>
    <mergeCell ref="C65:K65"/>
    <mergeCell ref="A66:B66"/>
    <mergeCell ref="C66:K66"/>
    <mergeCell ref="B57:C57"/>
    <mergeCell ref="D50:E50"/>
    <mergeCell ref="D51:E51"/>
    <mergeCell ref="D52:E52"/>
    <mergeCell ref="G50:H50"/>
    <mergeCell ref="I50:K50"/>
    <mergeCell ref="G51:H51"/>
    <mergeCell ref="I51:K51"/>
    <mergeCell ref="B51:C51"/>
    <mergeCell ref="B22:D22"/>
    <mergeCell ref="A33:J33"/>
    <mergeCell ref="C34:J34"/>
    <mergeCell ref="B36:E36"/>
    <mergeCell ref="F36:I36"/>
    <mergeCell ref="A43:K44"/>
    <mergeCell ref="A25:J25"/>
    <mergeCell ref="E27:F27"/>
    <mergeCell ref="B38:E38"/>
    <mergeCell ref="F38:K39"/>
    <mergeCell ref="B40:C40"/>
    <mergeCell ref="D40:K41"/>
    <mergeCell ref="B23:D23"/>
    <mergeCell ref="B26:D26"/>
    <mergeCell ref="B27:D27"/>
    <mergeCell ref="B29:D29"/>
    <mergeCell ref="E23:F23"/>
    <mergeCell ref="B21:D21"/>
    <mergeCell ref="A2:K2"/>
    <mergeCell ref="C5:E5"/>
    <mergeCell ref="G5:K5"/>
    <mergeCell ref="E6:J6"/>
    <mergeCell ref="B8:C8"/>
    <mergeCell ref="D8:K8"/>
    <mergeCell ref="A11:K11"/>
    <mergeCell ref="D12:F12"/>
    <mergeCell ref="D13:F13"/>
    <mergeCell ref="B9:D9"/>
    <mergeCell ref="E9:F9"/>
    <mergeCell ref="B12:C12"/>
    <mergeCell ref="B13:C13"/>
  </mergeCells>
  <phoneticPr fontId="6"/>
  <conditionalFormatting sqref="B5:C5 B6 C17 D13:K13 B13">
    <cfRule type="expression" dxfId="22" priority="12">
      <formula>COUNTIF(#REF!,TRUE)&gt;1</formula>
    </cfRule>
  </conditionalFormatting>
  <conditionalFormatting sqref="I17:K17">
    <cfRule type="expression" dxfId="21" priority="10">
      <formula>COUNTIF(#REF!,TRUE)&gt;1</formula>
    </cfRule>
  </conditionalFormatting>
  <conditionalFormatting sqref="C15:C16">
    <cfRule type="expression" dxfId="20" priority="7">
      <formula>COUNTIF(#REF!,TRUE)&gt;1</formula>
    </cfRule>
  </conditionalFormatting>
  <conditionalFormatting sqref="I15 K15:K16">
    <cfRule type="expression" dxfId="19" priority="6">
      <formula>COUNTIF(#REF!,TRUE)&gt;1</formula>
    </cfRule>
  </conditionalFormatting>
  <conditionalFormatting sqref="I16">
    <cfRule type="expression" dxfId="18" priority="5">
      <formula>COUNTIF(#REF!,TRUE)&gt;1</formula>
    </cfRule>
  </conditionalFormatting>
  <pageMargins left="0.78740157480314965" right="0.78740157480314965" top="0.55118110236220474" bottom="0.55118110236220474" header="0.31496062992125984" footer="0.31496062992125984"/>
  <pageSetup paperSize="9" scale="96" fitToHeight="0" orientation="portrait" r:id="rId1"/>
  <rowBreaks count="1" manualBreakCount="1">
    <brk id="34" max="11" man="1"/>
  </rowBreaks>
  <drawing r:id="rId2"/>
  <legacyDrawing r:id="rId3"/>
  <mc:AlternateContent xmlns:mc="http://schemas.openxmlformats.org/markup-compatibility/2006">
    <mc:Choice Requires="x14">
      <controls>
        <mc:AlternateContent xmlns:mc="http://schemas.openxmlformats.org/markup-compatibility/2006">
          <mc:Choice Requires="x14">
            <control shapeId="15362" r:id="rId4" name="Check Box 2">
              <controlPr defaultSize="0" autoFill="0" autoLine="0" autoPict="0">
                <anchor moveWithCells="1">
                  <from>
                    <xdr:col>5</xdr:col>
                    <xdr:colOff>123825</xdr:colOff>
                    <xdr:row>4</xdr:row>
                    <xdr:rowOff>0</xdr:rowOff>
                  </from>
                  <to>
                    <xdr:col>6</xdr:col>
                    <xdr:colOff>28575</xdr:colOff>
                    <xdr:row>5</xdr:row>
                    <xdr:rowOff>38100</xdr:rowOff>
                  </to>
                </anchor>
              </controlPr>
            </control>
          </mc:Choice>
        </mc:AlternateContent>
        <mc:AlternateContent xmlns:mc="http://schemas.openxmlformats.org/markup-compatibility/2006">
          <mc:Choice Requires="x14">
            <control shapeId="15363" r:id="rId5" name="Check Box 3">
              <controlPr defaultSize="0" autoFill="0" autoLine="0" autoPict="0">
                <anchor moveWithCells="1">
                  <from>
                    <xdr:col>1</xdr:col>
                    <xdr:colOff>114300</xdr:colOff>
                    <xdr:row>4</xdr:row>
                    <xdr:rowOff>0</xdr:rowOff>
                  </from>
                  <to>
                    <xdr:col>2</xdr:col>
                    <xdr:colOff>19050</xdr:colOff>
                    <xdr:row>5</xdr:row>
                    <xdr:rowOff>38100</xdr:rowOff>
                  </to>
                </anchor>
              </controlPr>
            </control>
          </mc:Choice>
        </mc:AlternateContent>
        <mc:AlternateContent xmlns:mc="http://schemas.openxmlformats.org/markup-compatibility/2006">
          <mc:Choice Requires="x14">
            <control shapeId="15364" r:id="rId6" name="Check Box 4">
              <controlPr defaultSize="0" autoFill="0" autoLine="0" autoPict="0">
                <anchor moveWithCells="1">
                  <from>
                    <xdr:col>1</xdr:col>
                    <xdr:colOff>114300</xdr:colOff>
                    <xdr:row>4</xdr:row>
                    <xdr:rowOff>285750</xdr:rowOff>
                  </from>
                  <to>
                    <xdr:col>2</xdr:col>
                    <xdr:colOff>19050</xdr:colOff>
                    <xdr:row>6</xdr:row>
                    <xdr:rowOff>190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O23"/>
  <sheetViews>
    <sheetView view="pageBreakPreview" zoomScale="115" zoomScaleNormal="100" zoomScaleSheetLayoutView="115" workbookViewId="0"/>
  </sheetViews>
  <sheetFormatPr defaultColWidth="9" defaultRowHeight="22.5" customHeight="1"/>
  <cols>
    <col min="1" max="1" width="3.25" style="1" customWidth="1"/>
    <col min="2" max="2" width="5.5" style="1" customWidth="1"/>
    <col min="3" max="3" width="15.125" style="1" customWidth="1"/>
    <col min="4" max="4" width="6.625" style="1" customWidth="1"/>
    <col min="5" max="5" width="11.625" style="1" customWidth="1"/>
    <col min="6" max="6" width="5.5" style="1" customWidth="1"/>
    <col min="7" max="7" width="7.875" style="1" customWidth="1"/>
    <col min="8" max="8" width="5.75" style="1" customWidth="1"/>
    <col min="9" max="9" width="10.625" style="1" customWidth="1"/>
    <col min="10" max="10" width="9" style="1" customWidth="1"/>
    <col min="11" max="11" width="6.5" style="1" customWidth="1"/>
    <col min="12" max="12" width="2.75" style="1" customWidth="1"/>
    <col min="13" max="16384" width="9" style="1"/>
  </cols>
  <sheetData>
    <row r="1" spans="1:15" ht="13.5">
      <c r="A1" s="1" t="s">
        <v>90</v>
      </c>
    </row>
    <row r="2" spans="1:15" ht="22.5" customHeight="1">
      <c r="A2" s="309" t="s">
        <v>193</v>
      </c>
      <c r="B2" s="309"/>
      <c r="C2" s="309"/>
      <c r="D2" s="309"/>
      <c r="E2" s="309"/>
      <c r="F2" s="309"/>
      <c r="G2" s="309"/>
      <c r="H2" s="309"/>
      <c r="I2" s="309"/>
      <c r="J2" s="309"/>
      <c r="K2" s="309"/>
      <c r="M2" s="71"/>
      <c r="N2" s="72" t="s">
        <v>28</v>
      </c>
    </row>
    <row r="3" spans="1:15" ht="12" customHeight="1"/>
    <row r="4" spans="1:15" ht="19.899999999999999" customHeight="1">
      <c r="A4" s="8">
        <v>1</v>
      </c>
      <c r="B4" s="13" t="s">
        <v>21</v>
      </c>
      <c r="C4" s="13"/>
      <c r="D4" s="13"/>
      <c r="E4" s="13"/>
      <c r="F4" s="13"/>
      <c r="G4" s="13"/>
      <c r="H4" s="13"/>
      <c r="I4" s="13"/>
      <c r="J4" s="13"/>
      <c r="K4" s="14"/>
    </row>
    <row r="5" spans="1:15" ht="25.15" customHeight="1">
      <c r="A5" s="6"/>
      <c r="B5" s="20"/>
      <c r="C5" s="254" t="s">
        <v>14</v>
      </c>
      <c r="D5" s="254"/>
      <c r="E5" s="255"/>
      <c r="F5" s="21"/>
      <c r="G5" s="254" t="s">
        <v>83</v>
      </c>
      <c r="H5" s="254"/>
      <c r="I5" s="254"/>
      <c r="J5" s="254"/>
      <c r="K5" s="255"/>
      <c r="M5" s="67"/>
    </row>
    <row r="6" spans="1:15" ht="25.15" customHeight="1">
      <c r="A6" s="6"/>
      <c r="B6" s="183"/>
      <c r="C6" s="182" t="s">
        <v>33</v>
      </c>
      <c r="D6" s="180" t="s">
        <v>180</v>
      </c>
      <c r="E6" s="280"/>
      <c r="F6" s="280"/>
      <c r="G6" s="280"/>
      <c r="H6" s="280"/>
      <c r="I6" s="280"/>
      <c r="J6" s="280"/>
      <c r="K6" s="181" t="s">
        <v>183</v>
      </c>
    </row>
    <row r="7" spans="1:15" s="7" customFormat="1" ht="19.899999999999999" customHeight="1">
      <c r="A7" s="8">
        <v>2</v>
      </c>
      <c r="B7" s="11" t="s">
        <v>101</v>
      </c>
      <c r="C7" s="11"/>
      <c r="D7" s="11"/>
      <c r="E7" s="11"/>
      <c r="F7" s="11"/>
      <c r="G7" s="11"/>
      <c r="H7" s="11"/>
      <c r="I7" s="11"/>
      <c r="J7" s="11"/>
      <c r="K7" s="12"/>
    </row>
    <row r="8" spans="1:15" ht="25.15" customHeight="1">
      <c r="A8" s="2"/>
      <c r="B8" s="281"/>
      <c r="C8" s="282"/>
      <c r="D8" s="283" t="s">
        <v>11</v>
      </c>
      <c r="E8" s="283"/>
      <c r="F8" s="283"/>
      <c r="G8" s="283"/>
      <c r="H8" s="283"/>
      <c r="I8" s="283"/>
      <c r="J8" s="283"/>
      <c r="K8" s="284"/>
      <c r="O8" s="22"/>
    </row>
    <row r="9" spans="1:15" ht="25.15" customHeight="1">
      <c r="A9" s="4"/>
      <c r="B9" s="285" t="s">
        <v>184</v>
      </c>
      <c r="C9" s="286"/>
      <c r="D9" s="286"/>
      <c r="E9" s="238"/>
      <c r="F9" s="238"/>
      <c r="G9" s="25" t="s">
        <v>63</v>
      </c>
      <c r="H9" s="25"/>
      <c r="I9" s="25"/>
      <c r="J9" s="25"/>
      <c r="K9" s="26"/>
      <c r="O9" s="22"/>
    </row>
    <row r="10" spans="1:15" s="7" customFormat="1" ht="19.899999999999999" customHeight="1">
      <c r="A10" s="8">
        <v>3</v>
      </c>
      <c r="B10" s="9" t="s">
        <v>197</v>
      </c>
      <c r="C10" s="9"/>
      <c r="D10" s="9"/>
      <c r="E10" s="9"/>
      <c r="F10" s="9"/>
      <c r="G10" s="9"/>
      <c r="H10" s="9"/>
      <c r="I10" s="9"/>
      <c r="J10" s="9"/>
      <c r="K10" s="10"/>
    </row>
    <row r="11" spans="1:15" ht="40.5" customHeight="1">
      <c r="A11" s="243"/>
      <c r="B11" s="244"/>
      <c r="C11" s="244"/>
      <c r="D11" s="244"/>
      <c r="E11" s="244"/>
      <c r="F11" s="244"/>
      <c r="G11" s="244"/>
      <c r="H11" s="244"/>
      <c r="I11" s="244"/>
      <c r="J11" s="244"/>
      <c r="K11" s="245"/>
      <c r="M11" s="23"/>
    </row>
    <row r="12" spans="1:15" ht="40.5" customHeight="1">
      <c r="A12" s="246"/>
      <c r="B12" s="247"/>
      <c r="C12" s="247"/>
      <c r="D12" s="247"/>
      <c r="E12" s="247"/>
      <c r="F12" s="247"/>
      <c r="G12" s="247"/>
      <c r="H12" s="247"/>
      <c r="I12" s="247"/>
      <c r="J12" s="247"/>
      <c r="K12" s="248"/>
    </row>
    <row r="13" spans="1:15" ht="22.5" customHeight="1">
      <c r="A13" s="8">
        <v>4</v>
      </c>
      <c r="B13" s="9" t="s">
        <v>22</v>
      </c>
      <c r="C13" s="9"/>
      <c r="D13" s="9"/>
      <c r="E13" s="9"/>
      <c r="F13" s="9"/>
      <c r="G13" s="9"/>
      <c r="H13" s="9"/>
      <c r="I13" s="9"/>
      <c r="J13" s="9"/>
      <c r="K13" s="10"/>
    </row>
    <row r="14" spans="1:15" ht="78.599999999999994" customHeight="1">
      <c r="A14" s="243"/>
      <c r="B14" s="244"/>
      <c r="C14" s="244"/>
      <c r="D14" s="244"/>
      <c r="E14" s="244"/>
      <c r="F14" s="244"/>
      <c r="G14" s="244"/>
      <c r="H14" s="244"/>
      <c r="I14" s="244"/>
      <c r="J14" s="244"/>
      <c r="K14" s="245"/>
      <c r="M14" s="23"/>
    </row>
    <row r="15" spans="1:15" ht="78.599999999999994" customHeight="1">
      <c r="A15" s="246"/>
      <c r="B15" s="247"/>
      <c r="C15" s="247"/>
      <c r="D15" s="247"/>
      <c r="E15" s="247"/>
      <c r="F15" s="247"/>
      <c r="G15" s="247"/>
      <c r="H15" s="247"/>
      <c r="I15" s="247"/>
      <c r="J15" s="247"/>
      <c r="K15" s="248"/>
    </row>
    <row r="16" spans="1:15" ht="22.5" customHeight="1">
      <c r="A16" s="8">
        <v>5</v>
      </c>
      <c r="B16" s="9" t="s">
        <v>37</v>
      </c>
      <c r="C16" s="9"/>
      <c r="D16" s="9"/>
      <c r="E16" s="9"/>
      <c r="F16" s="9"/>
      <c r="G16" s="9"/>
      <c r="H16" s="9"/>
      <c r="I16" s="9"/>
      <c r="J16" s="9"/>
      <c r="K16" s="10"/>
    </row>
    <row r="17" spans="1:11" ht="51" customHeight="1">
      <c r="A17" s="240"/>
      <c r="B17" s="240"/>
      <c r="C17" s="240"/>
      <c r="D17" s="240"/>
      <c r="E17" s="240"/>
      <c r="F17" s="240"/>
      <c r="G17" s="240"/>
      <c r="H17" s="240"/>
      <c r="I17" s="240"/>
      <c r="J17" s="240"/>
      <c r="K17" s="240"/>
    </row>
    <row r="18" spans="1:11" ht="22.5" customHeight="1">
      <c r="A18" s="8">
        <v>6</v>
      </c>
      <c r="B18" s="9" t="s">
        <v>27</v>
      </c>
      <c r="C18" s="9"/>
      <c r="D18" s="9"/>
      <c r="E18" s="9"/>
      <c r="F18" s="9"/>
      <c r="G18" s="9"/>
      <c r="H18" s="9"/>
      <c r="I18" s="9"/>
      <c r="J18" s="9"/>
      <c r="K18" s="10"/>
    </row>
    <row r="19" spans="1:11" ht="56.25" customHeight="1">
      <c r="A19" s="234"/>
      <c r="B19" s="235"/>
      <c r="C19" s="235"/>
      <c r="D19" s="235"/>
      <c r="E19" s="235"/>
      <c r="F19" s="235"/>
      <c r="G19" s="235"/>
      <c r="H19" s="235"/>
      <c r="I19" s="235"/>
      <c r="J19" s="235"/>
      <c r="K19" s="236"/>
    </row>
    <row r="20" spans="1:11" ht="22.5" customHeight="1">
      <c r="A20" s="8">
        <v>7</v>
      </c>
      <c r="B20" s="9" t="s">
        <v>15</v>
      </c>
      <c r="C20" s="9"/>
      <c r="D20" s="9"/>
      <c r="E20" s="9"/>
      <c r="F20" s="9"/>
      <c r="G20" s="9"/>
      <c r="H20" s="9"/>
      <c r="I20" s="9"/>
      <c r="J20" s="9"/>
      <c r="K20" s="10"/>
    </row>
    <row r="21" spans="1:11" ht="25.15" customHeight="1">
      <c r="A21" s="219" t="s">
        <v>182</v>
      </c>
      <c r="B21" s="219"/>
      <c r="C21" s="220"/>
      <c r="D21" s="221"/>
      <c r="E21" s="221"/>
      <c r="F21" s="221"/>
      <c r="G21" s="221"/>
      <c r="H21" s="221"/>
      <c r="I21" s="221"/>
      <c r="J21" s="221"/>
      <c r="K21" s="221"/>
    </row>
    <row r="22" spans="1:11" ht="25.15" customHeight="1">
      <c r="A22" s="222" t="s">
        <v>26</v>
      </c>
      <c r="B22" s="222"/>
      <c r="C22" s="223"/>
      <c r="D22" s="223"/>
      <c r="E22" s="223"/>
      <c r="F22" s="223"/>
      <c r="G22" s="223"/>
      <c r="H22" s="223"/>
      <c r="I22" s="223"/>
      <c r="J22" s="223"/>
      <c r="K22" s="223"/>
    </row>
    <row r="23" spans="1:11" ht="10.15" customHeight="1">
      <c r="A23" s="5"/>
      <c r="B23" s="5"/>
      <c r="C23" s="37"/>
      <c r="D23" s="37"/>
      <c r="E23" s="37"/>
      <c r="F23" s="37"/>
      <c r="G23" s="37"/>
      <c r="H23" s="37"/>
      <c r="I23" s="37"/>
      <c r="J23" s="37"/>
      <c r="K23" s="37"/>
    </row>
  </sheetData>
  <sheetProtection formatCells="0"/>
  <mergeCells count="16">
    <mergeCell ref="A2:K2"/>
    <mergeCell ref="C5:E5"/>
    <mergeCell ref="G5:K5"/>
    <mergeCell ref="E6:J6"/>
    <mergeCell ref="B8:C8"/>
    <mergeCell ref="D8:K8"/>
    <mergeCell ref="B9:D9"/>
    <mergeCell ref="E9:F9"/>
    <mergeCell ref="A11:K12"/>
    <mergeCell ref="A22:B22"/>
    <mergeCell ref="C22:K22"/>
    <mergeCell ref="A17:K17"/>
    <mergeCell ref="A14:K15"/>
    <mergeCell ref="A19:K19"/>
    <mergeCell ref="A21:B21"/>
    <mergeCell ref="C21:K21"/>
  </mergeCells>
  <phoneticPr fontId="6"/>
  <conditionalFormatting sqref="B5:C5 B6">
    <cfRule type="expression" dxfId="17" priority="1">
      <formula>COUNTIF(#REF!,TRUE)&gt;1</formula>
    </cfRule>
  </conditionalFormatting>
  <pageMargins left="0.78740157480314965" right="0.78740157480314965" top="0.55118110236220474" bottom="0.55118110236220474" header="0.31496062992125984" footer="0.31496062992125984"/>
  <pageSetup paperSize="9" scale="94"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8913" r:id="rId4" name="Check Box 1">
              <controlPr defaultSize="0" autoFill="0" autoLine="0" autoPict="0">
                <anchor moveWithCells="1">
                  <from>
                    <xdr:col>5</xdr:col>
                    <xdr:colOff>123825</xdr:colOff>
                    <xdr:row>4</xdr:row>
                    <xdr:rowOff>0</xdr:rowOff>
                  </from>
                  <to>
                    <xdr:col>6</xdr:col>
                    <xdr:colOff>28575</xdr:colOff>
                    <xdr:row>5</xdr:row>
                    <xdr:rowOff>38100</xdr:rowOff>
                  </to>
                </anchor>
              </controlPr>
            </control>
          </mc:Choice>
        </mc:AlternateContent>
        <mc:AlternateContent xmlns:mc="http://schemas.openxmlformats.org/markup-compatibility/2006">
          <mc:Choice Requires="x14">
            <control shapeId="38914" r:id="rId5" name="Check Box 2">
              <controlPr defaultSize="0" autoFill="0" autoLine="0" autoPict="0">
                <anchor moveWithCells="1">
                  <from>
                    <xdr:col>1</xdr:col>
                    <xdr:colOff>114300</xdr:colOff>
                    <xdr:row>4</xdr:row>
                    <xdr:rowOff>0</xdr:rowOff>
                  </from>
                  <to>
                    <xdr:col>2</xdr:col>
                    <xdr:colOff>19050</xdr:colOff>
                    <xdr:row>5</xdr:row>
                    <xdr:rowOff>38100</xdr:rowOff>
                  </to>
                </anchor>
              </controlPr>
            </control>
          </mc:Choice>
        </mc:AlternateContent>
        <mc:AlternateContent xmlns:mc="http://schemas.openxmlformats.org/markup-compatibility/2006">
          <mc:Choice Requires="x14">
            <control shapeId="38915" r:id="rId6" name="Check Box 3">
              <controlPr defaultSize="0" autoFill="0" autoLine="0" autoPict="0">
                <anchor moveWithCells="1">
                  <from>
                    <xdr:col>1</xdr:col>
                    <xdr:colOff>114300</xdr:colOff>
                    <xdr:row>4</xdr:row>
                    <xdr:rowOff>285750</xdr:rowOff>
                  </from>
                  <to>
                    <xdr:col>2</xdr:col>
                    <xdr:colOff>19050</xdr:colOff>
                    <xdr:row>6</xdr:row>
                    <xdr:rowOff>1905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55"/>
  <sheetViews>
    <sheetView view="pageBreakPreview" zoomScaleNormal="100" zoomScaleSheetLayoutView="100" workbookViewId="0"/>
  </sheetViews>
  <sheetFormatPr defaultRowHeight="14.25"/>
  <cols>
    <col min="1" max="1" width="6.5" style="39" customWidth="1"/>
    <col min="2" max="8" width="11.375" style="39" customWidth="1"/>
    <col min="9" max="9" width="21.375" style="39" customWidth="1"/>
    <col min="10" max="10" width="8.875" style="39"/>
    <col min="11" max="11" width="10" style="39" customWidth="1"/>
    <col min="12" max="255" width="8.875" style="39"/>
    <col min="256" max="256" width="6.5" style="39" customWidth="1"/>
    <col min="257" max="263" width="8.875" style="39"/>
    <col min="264" max="264" width="21.375" style="39" customWidth="1"/>
    <col min="265" max="266" width="8.875" style="39"/>
    <col min="267" max="267" width="0" style="39" hidden="1" customWidth="1"/>
    <col min="268" max="511" width="8.875" style="39"/>
    <col min="512" max="512" width="6.5" style="39" customWidth="1"/>
    <col min="513" max="519" width="8.875" style="39"/>
    <col min="520" max="520" width="21.375" style="39" customWidth="1"/>
    <col min="521" max="522" width="8.875" style="39"/>
    <col min="523" max="523" width="0" style="39" hidden="1" customWidth="1"/>
    <col min="524" max="767" width="8.875" style="39"/>
    <col min="768" max="768" width="6.5" style="39" customWidth="1"/>
    <col min="769" max="775" width="8.875" style="39"/>
    <col min="776" max="776" width="21.375" style="39" customWidth="1"/>
    <col min="777" max="778" width="8.875" style="39"/>
    <col min="779" max="779" width="0" style="39" hidden="1" customWidth="1"/>
    <col min="780" max="1023" width="8.875" style="39"/>
    <col min="1024" max="1024" width="6.5" style="39" customWidth="1"/>
    <col min="1025" max="1031" width="8.875" style="39"/>
    <col min="1032" max="1032" width="21.375" style="39" customWidth="1"/>
    <col min="1033" max="1034" width="8.875" style="39"/>
    <col min="1035" max="1035" width="0" style="39" hidden="1" customWidth="1"/>
    <col min="1036" max="1279" width="8.875" style="39"/>
    <col min="1280" max="1280" width="6.5" style="39" customWidth="1"/>
    <col min="1281" max="1287" width="8.875" style="39"/>
    <col min="1288" max="1288" width="21.375" style="39" customWidth="1"/>
    <col min="1289" max="1290" width="8.875" style="39"/>
    <col min="1291" max="1291" width="0" style="39" hidden="1" customWidth="1"/>
    <col min="1292" max="1535" width="8.875" style="39"/>
    <col min="1536" max="1536" width="6.5" style="39" customWidth="1"/>
    <col min="1537" max="1543" width="8.875" style="39"/>
    <col min="1544" max="1544" width="21.375" style="39" customWidth="1"/>
    <col min="1545" max="1546" width="8.875" style="39"/>
    <col min="1547" max="1547" width="0" style="39" hidden="1" customWidth="1"/>
    <col min="1548" max="1791" width="8.875" style="39"/>
    <col min="1792" max="1792" width="6.5" style="39" customWidth="1"/>
    <col min="1793" max="1799" width="8.875" style="39"/>
    <col min="1800" max="1800" width="21.375" style="39" customWidth="1"/>
    <col min="1801" max="1802" width="8.875" style="39"/>
    <col min="1803" max="1803" width="0" style="39" hidden="1" customWidth="1"/>
    <col min="1804" max="2047" width="8.875" style="39"/>
    <col min="2048" max="2048" width="6.5" style="39" customWidth="1"/>
    <col min="2049" max="2055" width="8.875" style="39"/>
    <col min="2056" max="2056" width="21.375" style="39" customWidth="1"/>
    <col min="2057" max="2058" width="8.875" style="39"/>
    <col min="2059" max="2059" width="0" style="39" hidden="1" customWidth="1"/>
    <col min="2060" max="2303" width="8.875" style="39"/>
    <col min="2304" max="2304" width="6.5" style="39" customWidth="1"/>
    <col min="2305" max="2311" width="8.875" style="39"/>
    <col min="2312" max="2312" width="21.375" style="39" customWidth="1"/>
    <col min="2313" max="2314" width="8.875" style="39"/>
    <col min="2315" max="2315" width="0" style="39" hidden="1" customWidth="1"/>
    <col min="2316" max="2559" width="8.875" style="39"/>
    <col min="2560" max="2560" width="6.5" style="39" customWidth="1"/>
    <col min="2561" max="2567" width="8.875" style="39"/>
    <col min="2568" max="2568" width="21.375" style="39" customWidth="1"/>
    <col min="2569" max="2570" width="8.875" style="39"/>
    <col min="2571" max="2571" width="0" style="39" hidden="1" customWidth="1"/>
    <col min="2572" max="2815" width="8.875" style="39"/>
    <col min="2816" max="2816" width="6.5" style="39" customWidth="1"/>
    <col min="2817" max="2823" width="8.875" style="39"/>
    <col min="2824" max="2824" width="21.375" style="39" customWidth="1"/>
    <col min="2825" max="2826" width="8.875" style="39"/>
    <col min="2827" max="2827" width="0" style="39" hidden="1" customWidth="1"/>
    <col min="2828" max="3071" width="8.875" style="39"/>
    <col min="3072" max="3072" width="6.5" style="39" customWidth="1"/>
    <col min="3073" max="3079" width="8.875" style="39"/>
    <col min="3080" max="3080" width="21.375" style="39" customWidth="1"/>
    <col min="3081" max="3082" width="8.875" style="39"/>
    <col min="3083" max="3083" width="0" style="39" hidden="1" customWidth="1"/>
    <col min="3084" max="3327" width="8.875" style="39"/>
    <col min="3328" max="3328" width="6.5" style="39" customWidth="1"/>
    <col min="3329" max="3335" width="8.875" style="39"/>
    <col min="3336" max="3336" width="21.375" style="39" customWidth="1"/>
    <col min="3337" max="3338" width="8.875" style="39"/>
    <col min="3339" max="3339" width="0" style="39" hidden="1" customWidth="1"/>
    <col min="3340" max="3583" width="8.875" style="39"/>
    <col min="3584" max="3584" width="6.5" style="39" customWidth="1"/>
    <col min="3585" max="3591" width="8.875" style="39"/>
    <col min="3592" max="3592" width="21.375" style="39" customWidth="1"/>
    <col min="3593" max="3594" width="8.875" style="39"/>
    <col min="3595" max="3595" width="0" style="39" hidden="1" customWidth="1"/>
    <col min="3596" max="3839" width="8.875" style="39"/>
    <col min="3840" max="3840" width="6.5" style="39" customWidth="1"/>
    <col min="3841" max="3847" width="8.875" style="39"/>
    <col min="3848" max="3848" width="21.375" style="39" customWidth="1"/>
    <col min="3849" max="3850" width="8.875" style="39"/>
    <col min="3851" max="3851" width="0" style="39" hidden="1" customWidth="1"/>
    <col min="3852" max="4095" width="8.875" style="39"/>
    <col min="4096" max="4096" width="6.5" style="39" customWidth="1"/>
    <col min="4097" max="4103" width="8.875" style="39"/>
    <col min="4104" max="4104" width="21.375" style="39" customWidth="1"/>
    <col min="4105" max="4106" width="8.875" style="39"/>
    <col min="4107" max="4107" width="0" style="39" hidden="1" customWidth="1"/>
    <col min="4108" max="4351" width="8.875" style="39"/>
    <col min="4352" max="4352" width="6.5" style="39" customWidth="1"/>
    <col min="4353" max="4359" width="8.875" style="39"/>
    <col min="4360" max="4360" width="21.375" style="39" customWidth="1"/>
    <col min="4361" max="4362" width="8.875" style="39"/>
    <col min="4363" max="4363" width="0" style="39" hidden="1" customWidth="1"/>
    <col min="4364" max="4607" width="8.875" style="39"/>
    <col min="4608" max="4608" width="6.5" style="39" customWidth="1"/>
    <col min="4609" max="4615" width="8.875" style="39"/>
    <col min="4616" max="4616" width="21.375" style="39" customWidth="1"/>
    <col min="4617" max="4618" width="8.875" style="39"/>
    <col min="4619" max="4619" width="0" style="39" hidden="1" customWidth="1"/>
    <col min="4620" max="4863" width="8.875" style="39"/>
    <col min="4864" max="4864" width="6.5" style="39" customWidth="1"/>
    <col min="4865" max="4871" width="8.875" style="39"/>
    <col min="4872" max="4872" width="21.375" style="39" customWidth="1"/>
    <col min="4873" max="4874" width="8.875" style="39"/>
    <col min="4875" max="4875" width="0" style="39" hidden="1" customWidth="1"/>
    <col min="4876" max="5119" width="8.875" style="39"/>
    <col min="5120" max="5120" width="6.5" style="39" customWidth="1"/>
    <col min="5121" max="5127" width="8.875" style="39"/>
    <col min="5128" max="5128" width="21.375" style="39" customWidth="1"/>
    <col min="5129" max="5130" width="8.875" style="39"/>
    <col min="5131" max="5131" width="0" style="39" hidden="1" customWidth="1"/>
    <col min="5132" max="5375" width="8.875" style="39"/>
    <col min="5376" max="5376" width="6.5" style="39" customWidth="1"/>
    <col min="5377" max="5383" width="8.875" style="39"/>
    <col min="5384" max="5384" width="21.375" style="39" customWidth="1"/>
    <col min="5385" max="5386" width="8.875" style="39"/>
    <col min="5387" max="5387" width="0" style="39" hidden="1" customWidth="1"/>
    <col min="5388" max="5631" width="8.875" style="39"/>
    <col min="5632" max="5632" width="6.5" style="39" customWidth="1"/>
    <col min="5633" max="5639" width="8.875" style="39"/>
    <col min="5640" max="5640" width="21.375" style="39" customWidth="1"/>
    <col min="5641" max="5642" width="8.875" style="39"/>
    <col min="5643" max="5643" width="0" style="39" hidden="1" customWidth="1"/>
    <col min="5644" max="5887" width="8.875" style="39"/>
    <col min="5888" max="5888" width="6.5" style="39" customWidth="1"/>
    <col min="5889" max="5895" width="8.875" style="39"/>
    <col min="5896" max="5896" width="21.375" style="39" customWidth="1"/>
    <col min="5897" max="5898" width="8.875" style="39"/>
    <col min="5899" max="5899" width="0" style="39" hidden="1" customWidth="1"/>
    <col min="5900" max="6143" width="8.875" style="39"/>
    <col min="6144" max="6144" width="6.5" style="39" customWidth="1"/>
    <col min="6145" max="6151" width="8.875" style="39"/>
    <col min="6152" max="6152" width="21.375" style="39" customWidth="1"/>
    <col min="6153" max="6154" width="8.875" style="39"/>
    <col min="6155" max="6155" width="0" style="39" hidden="1" customWidth="1"/>
    <col min="6156" max="6399" width="8.875" style="39"/>
    <col min="6400" max="6400" width="6.5" style="39" customWidth="1"/>
    <col min="6401" max="6407" width="8.875" style="39"/>
    <col min="6408" max="6408" width="21.375" style="39" customWidth="1"/>
    <col min="6409" max="6410" width="8.875" style="39"/>
    <col min="6411" max="6411" width="0" style="39" hidden="1" customWidth="1"/>
    <col min="6412" max="6655" width="8.875" style="39"/>
    <col min="6656" max="6656" width="6.5" style="39" customWidth="1"/>
    <col min="6657" max="6663" width="8.875" style="39"/>
    <col min="6664" max="6664" width="21.375" style="39" customWidth="1"/>
    <col min="6665" max="6666" width="8.875" style="39"/>
    <col min="6667" max="6667" width="0" style="39" hidden="1" customWidth="1"/>
    <col min="6668" max="6911" width="8.875" style="39"/>
    <col min="6912" max="6912" width="6.5" style="39" customWidth="1"/>
    <col min="6913" max="6919" width="8.875" style="39"/>
    <col min="6920" max="6920" width="21.375" style="39" customWidth="1"/>
    <col min="6921" max="6922" width="8.875" style="39"/>
    <col min="6923" max="6923" width="0" style="39" hidden="1" customWidth="1"/>
    <col min="6924" max="7167" width="8.875" style="39"/>
    <col min="7168" max="7168" width="6.5" style="39" customWidth="1"/>
    <col min="7169" max="7175" width="8.875" style="39"/>
    <col min="7176" max="7176" width="21.375" style="39" customWidth="1"/>
    <col min="7177" max="7178" width="8.875" style="39"/>
    <col min="7179" max="7179" width="0" style="39" hidden="1" customWidth="1"/>
    <col min="7180" max="7423" width="8.875" style="39"/>
    <col min="7424" max="7424" width="6.5" style="39" customWidth="1"/>
    <col min="7425" max="7431" width="8.875" style="39"/>
    <col min="7432" max="7432" width="21.375" style="39" customWidth="1"/>
    <col min="7433" max="7434" width="8.875" style="39"/>
    <col min="7435" max="7435" width="0" style="39" hidden="1" customWidth="1"/>
    <col min="7436" max="7679" width="8.875" style="39"/>
    <col min="7680" max="7680" width="6.5" style="39" customWidth="1"/>
    <col min="7681" max="7687" width="8.875" style="39"/>
    <col min="7688" max="7688" width="21.375" style="39" customWidth="1"/>
    <col min="7689" max="7690" width="8.875" style="39"/>
    <col min="7691" max="7691" width="0" style="39" hidden="1" customWidth="1"/>
    <col min="7692" max="7935" width="8.875" style="39"/>
    <col min="7936" max="7936" width="6.5" style="39" customWidth="1"/>
    <col min="7937" max="7943" width="8.875" style="39"/>
    <col min="7944" max="7944" width="21.375" style="39" customWidth="1"/>
    <col min="7945" max="7946" width="8.875" style="39"/>
    <col min="7947" max="7947" width="0" style="39" hidden="1" customWidth="1"/>
    <col min="7948" max="8191" width="8.875" style="39"/>
    <col min="8192" max="8192" width="6.5" style="39" customWidth="1"/>
    <col min="8193" max="8199" width="8.875" style="39"/>
    <col min="8200" max="8200" width="21.375" style="39" customWidth="1"/>
    <col min="8201" max="8202" width="8.875" style="39"/>
    <col min="8203" max="8203" width="0" style="39" hidden="1" customWidth="1"/>
    <col min="8204" max="8447" width="8.875" style="39"/>
    <col min="8448" max="8448" width="6.5" style="39" customWidth="1"/>
    <col min="8449" max="8455" width="8.875" style="39"/>
    <col min="8456" max="8456" width="21.375" style="39" customWidth="1"/>
    <col min="8457" max="8458" width="8.875" style="39"/>
    <col min="8459" max="8459" width="0" style="39" hidden="1" customWidth="1"/>
    <col min="8460" max="8703" width="8.875" style="39"/>
    <col min="8704" max="8704" width="6.5" style="39" customWidth="1"/>
    <col min="8705" max="8711" width="8.875" style="39"/>
    <col min="8712" max="8712" width="21.375" style="39" customWidth="1"/>
    <col min="8713" max="8714" width="8.875" style="39"/>
    <col min="8715" max="8715" width="0" style="39" hidden="1" customWidth="1"/>
    <col min="8716" max="8959" width="8.875" style="39"/>
    <col min="8960" max="8960" width="6.5" style="39" customWidth="1"/>
    <col min="8961" max="8967" width="8.875" style="39"/>
    <col min="8968" max="8968" width="21.375" style="39" customWidth="1"/>
    <col min="8969" max="8970" width="8.875" style="39"/>
    <col min="8971" max="8971" width="0" style="39" hidden="1" customWidth="1"/>
    <col min="8972" max="9215" width="8.875" style="39"/>
    <col min="9216" max="9216" width="6.5" style="39" customWidth="1"/>
    <col min="9217" max="9223" width="8.875" style="39"/>
    <col min="9224" max="9224" width="21.375" style="39" customWidth="1"/>
    <col min="9225" max="9226" width="8.875" style="39"/>
    <col min="9227" max="9227" width="0" style="39" hidden="1" customWidth="1"/>
    <col min="9228" max="9471" width="8.875" style="39"/>
    <col min="9472" max="9472" width="6.5" style="39" customWidth="1"/>
    <col min="9473" max="9479" width="8.875" style="39"/>
    <col min="9480" max="9480" width="21.375" style="39" customWidth="1"/>
    <col min="9481" max="9482" width="8.875" style="39"/>
    <col min="9483" max="9483" width="0" style="39" hidden="1" customWidth="1"/>
    <col min="9484" max="9727" width="8.875" style="39"/>
    <col min="9728" max="9728" width="6.5" style="39" customWidth="1"/>
    <col min="9729" max="9735" width="8.875" style="39"/>
    <col min="9736" max="9736" width="21.375" style="39" customWidth="1"/>
    <col min="9737" max="9738" width="8.875" style="39"/>
    <col min="9739" max="9739" width="0" style="39" hidden="1" customWidth="1"/>
    <col min="9740" max="9983" width="8.875" style="39"/>
    <col min="9984" max="9984" width="6.5" style="39" customWidth="1"/>
    <col min="9985" max="9991" width="8.875" style="39"/>
    <col min="9992" max="9992" width="21.375" style="39" customWidth="1"/>
    <col min="9993" max="9994" width="8.875" style="39"/>
    <col min="9995" max="9995" width="0" style="39" hidden="1" customWidth="1"/>
    <col min="9996" max="10239" width="8.875" style="39"/>
    <col min="10240" max="10240" width="6.5" style="39" customWidth="1"/>
    <col min="10241" max="10247" width="8.875" style="39"/>
    <col min="10248" max="10248" width="21.375" style="39" customWidth="1"/>
    <col min="10249" max="10250" width="8.875" style="39"/>
    <col min="10251" max="10251" width="0" style="39" hidden="1" customWidth="1"/>
    <col min="10252" max="10495" width="8.875" style="39"/>
    <col min="10496" max="10496" width="6.5" style="39" customWidth="1"/>
    <col min="10497" max="10503" width="8.875" style="39"/>
    <col min="10504" max="10504" width="21.375" style="39" customWidth="1"/>
    <col min="10505" max="10506" width="8.875" style="39"/>
    <col min="10507" max="10507" width="0" style="39" hidden="1" customWidth="1"/>
    <col min="10508" max="10751" width="8.875" style="39"/>
    <col min="10752" max="10752" width="6.5" style="39" customWidth="1"/>
    <col min="10753" max="10759" width="8.875" style="39"/>
    <col min="10760" max="10760" width="21.375" style="39" customWidth="1"/>
    <col min="10761" max="10762" width="8.875" style="39"/>
    <col min="10763" max="10763" width="0" style="39" hidden="1" customWidth="1"/>
    <col min="10764" max="11007" width="8.875" style="39"/>
    <col min="11008" max="11008" width="6.5" style="39" customWidth="1"/>
    <col min="11009" max="11015" width="8.875" style="39"/>
    <col min="11016" max="11016" width="21.375" style="39" customWidth="1"/>
    <col min="11017" max="11018" width="8.875" style="39"/>
    <col min="11019" max="11019" width="0" style="39" hidden="1" customWidth="1"/>
    <col min="11020" max="11263" width="8.875" style="39"/>
    <col min="11264" max="11264" width="6.5" style="39" customWidth="1"/>
    <col min="11265" max="11271" width="8.875" style="39"/>
    <col min="11272" max="11272" width="21.375" style="39" customWidth="1"/>
    <col min="11273" max="11274" width="8.875" style="39"/>
    <col min="11275" max="11275" width="0" style="39" hidden="1" customWidth="1"/>
    <col min="11276" max="11519" width="8.875" style="39"/>
    <col min="11520" max="11520" width="6.5" style="39" customWidth="1"/>
    <col min="11521" max="11527" width="8.875" style="39"/>
    <col min="11528" max="11528" width="21.375" style="39" customWidth="1"/>
    <col min="11529" max="11530" width="8.875" style="39"/>
    <col min="11531" max="11531" width="0" style="39" hidden="1" customWidth="1"/>
    <col min="11532" max="11775" width="8.875" style="39"/>
    <col min="11776" max="11776" width="6.5" style="39" customWidth="1"/>
    <col min="11777" max="11783" width="8.875" style="39"/>
    <col min="11784" max="11784" width="21.375" style="39" customWidth="1"/>
    <col min="11785" max="11786" width="8.875" style="39"/>
    <col min="11787" max="11787" width="0" style="39" hidden="1" customWidth="1"/>
    <col min="11788" max="12031" width="8.875" style="39"/>
    <col min="12032" max="12032" width="6.5" style="39" customWidth="1"/>
    <col min="12033" max="12039" width="8.875" style="39"/>
    <col min="12040" max="12040" width="21.375" style="39" customWidth="1"/>
    <col min="12041" max="12042" width="8.875" style="39"/>
    <col min="12043" max="12043" width="0" style="39" hidden="1" customWidth="1"/>
    <col min="12044" max="12287" width="8.875" style="39"/>
    <col min="12288" max="12288" width="6.5" style="39" customWidth="1"/>
    <col min="12289" max="12295" width="8.875" style="39"/>
    <col min="12296" max="12296" width="21.375" style="39" customWidth="1"/>
    <col min="12297" max="12298" width="8.875" style="39"/>
    <col min="12299" max="12299" width="0" style="39" hidden="1" customWidth="1"/>
    <col min="12300" max="12543" width="8.875" style="39"/>
    <col min="12544" max="12544" width="6.5" style="39" customWidth="1"/>
    <col min="12545" max="12551" width="8.875" style="39"/>
    <col min="12552" max="12552" width="21.375" style="39" customWidth="1"/>
    <col min="12553" max="12554" width="8.875" style="39"/>
    <col min="12555" max="12555" width="0" style="39" hidden="1" customWidth="1"/>
    <col min="12556" max="12799" width="8.875" style="39"/>
    <col min="12800" max="12800" width="6.5" style="39" customWidth="1"/>
    <col min="12801" max="12807" width="8.875" style="39"/>
    <col min="12808" max="12808" width="21.375" style="39" customWidth="1"/>
    <col min="12809" max="12810" width="8.875" style="39"/>
    <col min="12811" max="12811" width="0" style="39" hidden="1" customWidth="1"/>
    <col min="12812" max="13055" width="8.875" style="39"/>
    <col min="13056" max="13056" width="6.5" style="39" customWidth="1"/>
    <col min="13057" max="13063" width="8.875" style="39"/>
    <col min="13064" max="13064" width="21.375" style="39" customWidth="1"/>
    <col min="13065" max="13066" width="8.875" style="39"/>
    <col min="13067" max="13067" width="0" style="39" hidden="1" customWidth="1"/>
    <col min="13068" max="13311" width="8.875" style="39"/>
    <col min="13312" max="13312" width="6.5" style="39" customWidth="1"/>
    <col min="13313" max="13319" width="8.875" style="39"/>
    <col min="13320" max="13320" width="21.375" style="39" customWidth="1"/>
    <col min="13321" max="13322" width="8.875" style="39"/>
    <col min="13323" max="13323" width="0" style="39" hidden="1" customWidth="1"/>
    <col min="13324" max="13567" width="8.875" style="39"/>
    <col min="13568" max="13568" width="6.5" style="39" customWidth="1"/>
    <col min="13569" max="13575" width="8.875" style="39"/>
    <col min="13576" max="13576" width="21.375" style="39" customWidth="1"/>
    <col min="13577" max="13578" width="8.875" style="39"/>
    <col min="13579" max="13579" width="0" style="39" hidden="1" customWidth="1"/>
    <col min="13580" max="13823" width="8.875" style="39"/>
    <col min="13824" max="13824" width="6.5" style="39" customWidth="1"/>
    <col min="13825" max="13831" width="8.875" style="39"/>
    <col min="13832" max="13832" width="21.375" style="39" customWidth="1"/>
    <col min="13833" max="13834" width="8.875" style="39"/>
    <col min="13835" max="13835" width="0" style="39" hidden="1" customWidth="1"/>
    <col min="13836" max="14079" width="8.875" style="39"/>
    <col min="14080" max="14080" width="6.5" style="39" customWidth="1"/>
    <col min="14081" max="14087" width="8.875" style="39"/>
    <col min="14088" max="14088" width="21.375" style="39" customWidth="1"/>
    <col min="14089" max="14090" width="8.875" style="39"/>
    <col min="14091" max="14091" width="0" style="39" hidden="1" customWidth="1"/>
    <col min="14092" max="14335" width="8.875" style="39"/>
    <col min="14336" max="14336" width="6.5" style="39" customWidth="1"/>
    <col min="14337" max="14343" width="8.875" style="39"/>
    <col min="14344" max="14344" width="21.375" style="39" customWidth="1"/>
    <col min="14345" max="14346" width="8.875" style="39"/>
    <col min="14347" max="14347" width="0" style="39" hidden="1" customWidth="1"/>
    <col min="14348" max="14591" width="8.875" style="39"/>
    <col min="14592" max="14592" width="6.5" style="39" customWidth="1"/>
    <col min="14593" max="14599" width="8.875" style="39"/>
    <col min="14600" max="14600" width="21.375" style="39" customWidth="1"/>
    <col min="14601" max="14602" width="8.875" style="39"/>
    <col min="14603" max="14603" width="0" style="39" hidden="1" customWidth="1"/>
    <col min="14604" max="14847" width="8.875" style="39"/>
    <col min="14848" max="14848" width="6.5" style="39" customWidth="1"/>
    <col min="14849" max="14855" width="8.875" style="39"/>
    <col min="14856" max="14856" width="21.375" style="39" customWidth="1"/>
    <col min="14857" max="14858" width="8.875" style="39"/>
    <col min="14859" max="14859" width="0" style="39" hidden="1" customWidth="1"/>
    <col min="14860" max="15103" width="8.875" style="39"/>
    <col min="15104" max="15104" width="6.5" style="39" customWidth="1"/>
    <col min="15105" max="15111" width="8.875" style="39"/>
    <col min="15112" max="15112" width="21.375" style="39" customWidth="1"/>
    <col min="15113" max="15114" width="8.875" style="39"/>
    <col min="15115" max="15115" width="0" style="39" hidden="1" customWidth="1"/>
    <col min="15116" max="15359" width="8.875" style="39"/>
    <col min="15360" max="15360" width="6.5" style="39" customWidth="1"/>
    <col min="15361" max="15367" width="8.875" style="39"/>
    <col min="15368" max="15368" width="21.375" style="39" customWidth="1"/>
    <col min="15369" max="15370" width="8.875" style="39"/>
    <col min="15371" max="15371" width="0" style="39" hidden="1" customWidth="1"/>
    <col min="15372" max="15615" width="8.875" style="39"/>
    <col min="15616" max="15616" width="6.5" style="39" customWidth="1"/>
    <col min="15617" max="15623" width="8.875" style="39"/>
    <col min="15624" max="15624" width="21.375" style="39" customWidth="1"/>
    <col min="15625" max="15626" width="8.875" style="39"/>
    <col min="15627" max="15627" width="0" style="39" hidden="1" customWidth="1"/>
    <col min="15628" max="15871" width="8.875" style="39"/>
    <col min="15872" max="15872" width="6.5" style="39" customWidth="1"/>
    <col min="15873" max="15879" width="8.875" style="39"/>
    <col min="15880" max="15880" width="21.375" style="39" customWidth="1"/>
    <col min="15881" max="15882" width="8.875" style="39"/>
    <col min="15883" max="15883" width="0" style="39" hidden="1" customWidth="1"/>
    <col min="15884" max="16127" width="8.875" style="39"/>
    <col min="16128" max="16128" width="6.5" style="39" customWidth="1"/>
    <col min="16129" max="16135" width="8.875" style="39"/>
    <col min="16136" max="16136" width="21.375" style="39" customWidth="1"/>
    <col min="16137" max="16138" width="8.875" style="39"/>
    <col min="16139" max="16139" width="0" style="39" hidden="1" customWidth="1"/>
    <col min="16140" max="16384" width="8.875" style="39"/>
  </cols>
  <sheetData>
    <row r="1" spans="1:9">
      <c r="A1" s="192" t="s">
        <v>185</v>
      </c>
    </row>
    <row r="2" spans="1:9">
      <c r="I2" s="168"/>
    </row>
    <row r="4" spans="1:9" ht="45.75" customHeight="1">
      <c r="A4" s="311" t="s">
        <v>144</v>
      </c>
      <c r="B4" s="312"/>
      <c r="C4" s="312"/>
      <c r="D4" s="312"/>
      <c r="E4" s="312"/>
      <c r="F4" s="312"/>
      <c r="G4" s="312"/>
      <c r="H4" s="312"/>
      <c r="I4" s="312"/>
    </row>
    <row r="6" spans="1:9">
      <c r="B6" s="39" t="s">
        <v>71</v>
      </c>
    </row>
    <row r="9" spans="1:9">
      <c r="E9" s="39" t="s">
        <v>72</v>
      </c>
    </row>
    <row r="10" spans="1:9">
      <c r="E10" s="39" t="s">
        <v>73</v>
      </c>
    </row>
    <row r="12" spans="1:9">
      <c r="E12" s="39" t="s">
        <v>74</v>
      </c>
    </row>
    <row r="16" spans="1:9" ht="18.75" customHeight="1">
      <c r="B16" s="39" t="s">
        <v>75</v>
      </c>
    </row>
    <row r="17" spans="1:9" ht="18.75" customHeight="1">
      <c r="B17" s="39" t="s">
        <v>76</v>
      </c>
    </row>
    <row r="18" spans="1:9" ht="18.75" customHeight="1"/>
    <row r="19" spans="1:9" ht="18.75" customHeight="1">
      <c r="A19" s="313" t="s">
        <v>77</v>
      </c>
      <c r="B19" s="313"/>
      <c r="C19" s="313"/>
      <c r="D19" s="313"/>
      <c r="E19" s="313"/>
      <c r="F19" s="313"/>
      <c r="G19" s="313"/>
      <c r="H19" s="313"/>
      <c r="I19" s="313"/>
    </row>
    <row r="20" spans="1:9" ht="18.75" customHeight="1">
      <c r="A20" s="313"/>
      <c r="B20" s="313"/>
      <c r="C20" s="313"/>
      <c r="D20" s="313"/>
      <c r="E20" s="313"/>
      <c r="F20" s="313"/>
      <c r="G20" s="313"/>
      <c r="H20" s="313"/>
      <c r="I20" s="313"/>
    </row>
    <row r="21" spans="1:9" ht="18.75" customHeight="1"/>
    <row r="22" spans="1:9" ht="18.75" customHeight="1">
      <c r="B22" s="39" t="s">
        <v>102</v>
      </c>
    </row>
    <row r="23" spans="1:9" ht="18.75" customHeight="1">
      <c r="B23" s="39" t="s">
        <v>103</v>
      </c>
    </row>
    <row r="24" spans="1:9" ht="18.75" customHeight="1">
      <c r="B24" s="185" t="s">
        <v>187</v>
      </c>
      <c r="C24" s="185"/>
      <c r="D24" s="185"/>
      <c r="E24" s="185"/>
      <c r="F24" s="185"/>
      <c r="G24" s="185"/>
      <c r="H24" s="185"/>
      <c r="I24" s="185"/>
    </row>
    <row r="25" spans="1:9" ht="18.75" customHeight="1">
      <c r="B25" s="185" t="s">
        <v>188</v>
      </c>
      <c r="C25" s="185"/>
      <c r="D25" s="185"/>
      <c r="E25" s="185"/>
      <c r="F25" s="185"/>
      <c r="G25" s="185"/>
      <c r="H25" s="185"/>
      <c r="I25" s="185"/>
    </row>
    <row r="26" spans="1:9" ht="18.75" customHeight="1">
      <c r="B26" s="185" t="s">
        <v>189</v>
      </c>
      <c r="C26" s="185"/>
      <c r="D26" s="185"/>
      <c r="E26" s="185"/>
      <c r="F26" s="185"/>
      <c r="G26" s="185"/>
      <c r="H26" s="185"/>
      <c r="I26" s="185"/>
    </row>
    <row r="27" spans="1:9" ht="18.75" customHeight="1">
      <c r="B27" s="185" t="s">
        <v>190</v>
      </c>
      <c r="C27" s="185"/>
      <c r="D27" s="185"/>
      <c r="E27" s="185"/>
      <c r="F27" s="185"/>
      <c r="G27" s="185"/>
      <c r="H27" s="185"/>
      <c r="I27" s="185"/>
    </row>
    <row r="28" spans="1:9" ht="18.75" customHeight="1">
      <c r="B28" s="310" t="s">
        <v>172</v>
      </c>
      <c r="C28" s="310"/>
      <c r="D28" s="310"/>
      <c r="E28" s="310"/>
      <c r="F28" s="310"/>
      <c r="G28" s="310"/>
      <c r="H28" s="310"/>
      <c r="I28" s="310"/>
    </row>
    <row r="29" spans="1:9" ht="18.600000000000001" customHeight="1">
      <c r="B29" s="310"/>
      <c r="C29" s="310"/>
      <c r="D29" s="310"/>
      <c r="E29" s="310"/>
      <c r="F29" s="310"/>
      <c r="G29" s="310"/>
      <c r="H29" s="310"/>
      <c r="I29" s="310"/>
    </row>
    <row r="30" spans="1:9" ht="37.15" customHeight="1">
      <c r="B30" s="310" t="s">
        <v>104</v>
      </c>
      <c r="C30" s="310"/>
      <c r="D30" s="310"/>
      <c r="E30" s="310"/>
      <c r="F30" s="310"/>
      <c r="G30" s="310"/>
      <c r="H30" s="310"/>
      <c r="I30" s="310"/>
    </row>
    <row r="31" spans="1:9" ht="18.75" customHeight="1">
      <c r="B31" s="185" t="s">
        <v>78</v>
      </c>
      <c r="C31" s="185"/>
      <c r="D31" s="185"/>
      <c r="E31" s="185"/>
      <c r="F31" s="185"/>
      <c r="G31" s="185"/>
      <c r="H31" s="185"/>
      <c r="I31" s="185"/>
    </row>
    <row r="32" spans="1:9" ht="18.75" customHeight="1">
      <c r="B32" s="185" t="s">
        <v>79</v>
      </c>
      <c r="C32" s="185"/>
      <c r="D32" s="185"/>
      <c r="E32" s="185"/>
      <c r="F32" s="185"/>
      <c r="G32" s="185"/>
      <c r="H32" s="185"/>
      <c r="I32" s="185"/>
    </row>
    <row r="33" spans="2:9" ht="18.75" customHeight="1">
      <c r="B33" s="185" t="s">
        <v>191</v>
      </c>
      <c r="C33" s="185"/>
      <c r="D33" s="185"/>
      <c r="E33" s="185"/>
      <c r="F33" s="185"/>
      <c r="G33" s="185"/>
      <c r="H33" s="185"/>
      <c r="I33" s="185"/>
    </row>
    <row r="34" spans="2:9" ht="18.600000000000001" customHeight="1">
      <c r="B34" s="310" t="s">
        <v>80</v>
      </c>
      <c r="C34" s="310"/>
      <c r="D34" s="310"/>
      <c r="E34" s="310"/>
      <c r="F34" s="310"/>
      <c r="G34" s="310"/>
      <c r="H34" s="310"/>
      <c r="I34" s="310"/>
    </row>
    <row r="35" spans="2:9" ht="54.75" customHeight="1">
      <c r="B35" s="310" t="s">
        <v>186</v>
      </c>
      <c r="C35" s="310"/>
      <c r="D35" s="310"/>
      <c r="E35" s="310"/>
      <c r="F35" s="310"/>
      <c r="G35" s="310"/>
      <c r="H35" s="310"/>
      <c r="I35" s="310"/>
    </row>
    <row r="36" spans="2:9" ht="18.75" customHeight="1">
      <c r="B36" s="310" t="s">
        <v>192</v>
      </c>
      <c r="C36" s="310"/>
      <c r="D36" s="310"/>
      <c r="E36" s="310"/>
      <c r="F36" s="310"/>
      <c r="G36" s="310"/>
      <c r="H36" s="310"/>
      <c r="I36" s="310"/>
    </row>
    <row r="37" spans="2:9" ht="18.75" customHeight="1"/>
    <row r="38" spans="2:9" ht="18.75" customHeight="1"/>
    <row r="39" spans="2:9" ht="18.75" customHeight="1">
      <c r="I39" s="40" t="s">
        <v>81</v>
      </c>
    </row>
    <row r="40" spans="2:9" ht="18.75" customHeight="1"/>
    <row r="41" spans="2:9" ht="18.75" customHeight="1"/>
    <row r="42" spans="2:9" ht="18.75" customHeight="1"/>
    <row r="43" spans="2:9" ht="18.75" customHeight="1"/>
    <row r="44" spans="2:9" ht="18.75" customHeight="1"/>
    <row r="45" spans="2:9" ht="18.75" customHeight="1"/>
    <row r="46" spans="2:9" ht="18.75" customHeight="1"/>
    <row r="47" spans="2:9" ht="18.75" customHeight="1"/>
    <row r="48" spans="2:9" ht="18.75" customHeight="1"/>
    <row r="49" spans="9:9" ht="18.75" customHeight="1"/>
    <row r="50" spans="9:9" ht="18.75" customHeight="1">
      <c r="I50" s="40"/>
    </row>
    <row r="51" spans="9:9" ht="18.75" customHeight="1"/>
    <row r="52" spans="9:9" ht="18.75" customHeight="1"/>
    <row r="53" spans="9:9" ht="18.75" customHeight="1"/>
    <row r="54" spans="9:9" ht="18.75" customHeight="1"/>
    <row r="55" spans="9:9" ht="18.75" customHeight="1"/>
  </sheetData>
  <mergeCells count="7">
    <mergeCell ref="B36:I36"/>
    <mergeCell ref="A4:I4"/>
    <mergeCell ref="A19:I20"/>
    <mergeCell ref="B28:I29"/>
    <mergeCell ref="B34:I34"/>
    <mergeCell ref="B30:I30"/>
    <mergeCell ref="B35:I35"/>
  </mergeCells>
  <phoneticPr fontId="6"/>
  <conditionalFormatting sqref="I2">
    <cfRule type="cellIs" dxfId="16" priority="1" stopIfTrue="1" operator="equal">
      <formula>""</formula>
    </cfRule>
  </conditionalFormatting>
  <printOptions horizontalCentered="1" verticalCentered="1"/>
  <pageMargins left="0.25" right="0.25" top="0.75" bottom="0.75" header="0.3" footer="0.3"/>
  <pageSetup paperSize="9" scale="94" orientation="portrait" blackAndWhite="1"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48"/>
  <sheetViews>
    <sheetView view="pageBreakPreview" zoomScale="115" zoomScaleNormal="100" zoomScaleSheetLayoutView="115" workbookViewId="0"/>
  </sheetViews>
  <sheetFormatPr defaultColWidth="9" defaultRowHeight="12"/>
  <cols>
    <col min="1" max="1" width="10.625" style="150" customWidth="1"/>
    <col min="2" max="3" width="15.625" style="150" customWidth="1"/>
    <col min="4" max="4" width="12.625" style="150" customWidth="1"/>
    <col min="5" max="5" width="7.75" style="150" customWidth="1"/>
    <col min="6" max="6" width="23.25" style="150" customWidth="1"/>
    <col min="7" max="8" width="14.25" style="150" customWidth="1"/>
    <col min="9" max="9" width="2.625" style="150" customWidth="1"/>
    <col min="10" max="10" width="2" style="150" customWidth="1"/>
    <col min="11" max="256" width="9" style="150"/>
    <col min="257" max="257" width="10.625" style="150" customWidth="1"/>
    <col min="258" max="259" width="15.625" style="150" customWidth="1"/>
    <col min="260" max="260" width="12.625" style="150" customWidth="1"/>
    <col min="261" max="261" width="7.75" style="150" customWidth="1"/>
    <col min="262" max="262" width="23.25" style="150" customWidth="1"/>
    <col min="263" max="264" width="14.25" style="150" customWidth="1"/>
    <col min="265" max="265" width="2.625" style="150" customWidth="1"/>
    <col min="266" max="266" width="2" style="150" customWidth="1"/>
    <col min="267" max="512" width="9" style="150"/>
    <col min="513" max="513" width="10.625" style="150" customWidth="1"/>
    <col min="514" max="515" width="15.625" style="150" customWidth="1"/>
    <col min="516" max="516" width="12.625" style="150" customWidth="1"/>
    <col min="517" max="517" width="7.75" style="150" customWidth="1"/>
    <col min="518" max="518" width="23.25" style="150" customWidth="1"/>
    <col min="519" max="520" width="14.25" style="150" customWidth="1"/>
    <col min="521" max="521" width="2.625" style="150" customWidth="1"/>
    <col min="522" max="522" width="2" style="150" customWidth="1"/>
    <col min="523" max="768" width="9" style="150"/>
    <col min="769" max="769" width="10.625" style="150" customWidth="1"/>
    <col min="770" max="771" width="15.625" style="150" customWidth="1"/>
    <col min="772" max="772" width="12.625" style="150" customWidth="1"/>
    <col min="773" max="773" width="7.75" style="150" customWidth="1"/>
    <col min="774" max="774" width="23.25" style="150" customWidth="1"/>
    <col min="775" max="776" width="14.25" style="150" customWidth="1"/>
    <col min="777" max="777" width="2.625" style="150" customWidth="1"/>
    <col min="778" max="778" width="2" style="150" customWidth="1"/>
    <col min="779" max="1024" width="9" style="150"/>
    <col min="1025" max="1025" width="10.625" style="150" customWidth="1"/>
    <col min="1026" max="1027" width="15.625" style="150" customWidth="1"/>
    <col min="1028" max="1028" width="12.625" style="150" customWidth="1"/>
    <col min="1029" max="1029" width="7.75" style="150" customWidth="1"/>
    <col min="1030" max="1030" width="23.25" style="150" customWidth="1"/>
    <col min="1031" max="1032" width="14.25" style="150" customWidth="1"/>
    <col min="1033" max="1033" width="2.625" style="150" customWidth="1"/>
    <col min="1034" max="1034" width="2" style="150" customWidth="1"/>
    <col min="1035" max="1280" width="9" style="150"/>
    <col min="1281" max="1281" width="10.625" style="150" customWidth="1"/>
    <col min="1282" max="1283" width="15.625" style="150" customWidth="1"/>
    <col min="1284" max="1284" width="12.625" style="150" customWidth="1"/>
    <col min="1285" max="1285" width="7.75" style="150" customWidth="1"/>
    <col min="1286" max="1286" width="23.25" style="150" customWidth="1"/>
    <col min="1287" max="1288" width="14.25" style="150" customWidth="1"/>
    <col min="1289" max="1289" width="2.625" style="150" customWidth="1"/>
    <col min="1290" max="1290" width="2" style="150" customWidth="1"/>
    <col min="1291" max="1536" width="9" style="150"/>
    <col min="1537" max="1537" width="10.625" style="150" customWidth="1"/>
    <col min="1538" max="1539" width="15.625" style="150" customWidth="1"/>
    <col min="1540" max="1540" width="12.625" style="150" customWidth="1"/>
    <col min="1541" max="1541" width="7.75" style="150" customWidth="1"/>
    <col min="1542" max="1542" width="23.25" style="150" customWidth="1"/>
    <col min="1543" max="1544" width="14.25" style="150" customWidth="1"/>
    <col min="1545" max="1545" width="2.625" style="150" customWidth="1"/>
    <col min="1546" max="1546" width="2" style="150" customWidth="1"/>
    <col min="1547" max="1792" width="9" style="150"/>
    <col min="1793" max="1793" width="10.625" style="150" customWidth="1"/>
    <col min="1794" max="1795" width="15.625" style="150" customWidth="1"/>
    <col min="1796" max="1796" width="12.625" style="150" customWidth="1"/>
    <col min="1797" max="1797" width="7.75" style="150" customWidth="1"/>
    <col min="1798" max="1798" width="23.25" style="150" customWidth="1"/>
    <col min="1799" max="1800" width="14.25" style="150" customWidth="1"/>
    <col min="1801" max="1801" width="2.625" style="150" customWidth="1"/>
    <col min="1802" max="1802" width="2" style="150" customWidth="1"/>
    <col min="1803" max="2048" width="9" style="150"/>
    <col min="2049" max="2049" width="10.625" style="150" customWidth="1"/>
    <col min="2050" max="2051" width="15.625" style="150" customWidth="1"/>
    <col min="2052" max="2052" width="12.625" style="150" customWidth="1"/>
    <col min="2053" max="2053" width="7.75" style="150" customWidth="1"/>
    <col min="2054" max="2054" width="23.25" style="150" customWidth="1"/>
    <col min="2055" max="2056" width="14.25" style="150" customWidth="1"/>
    <col min="2057" max="2057" width="2.625" style="150" customWidth="1"/>
    <col min="2058" max="2058" width="2" style="150" customWidth="1"/>
    <col min="2059" max="2304" width="9" style="150"/>
    <col min="2305" max="2305" width="10.625" style="150" customWidth="1"/>
    <col min="2306" max="2307" width="15.625" style="150" customWidth="1"/>
    <col min="2308" max="2308" width="12.625" style="150" customWidth="1"/>
    <col min="2309" max="2309" width="7.75" style="150" customWidth="1"/>
    <col min="2310" max="2310" width="23.25" style="150" customWidth="1"/>
    <col min="2311" max="2312" width="14.25" style="150" customWidth="1"/>
    <col min="2313" max="2313" width="2.625" style="150" customWidth="1"/>
    <col min="2314" max="2314" width="2" style="150" customWidth="1"/>
    <col min="2315" max="2560" width="9" style="150"/>
    <col min="2561" max="2561" width="10.625" style="150" customWidth="1"/>
    <col min="2562" max="2563" width="15.625" style="150" customWidth="1"/>
    <col min="2564" max="2564" width="12.625" style="150" customWidth="1"/>
    <col min="2565" max="2565" width="7.75" style="150" customWidth="1"/>
    <col min="2566" max="2566" width="23.25" style="150" customWidth="1"/>
    <col min="2567" max="2568" width="14.25" style="150" customWidth="1"/>
    <col min="2569" max="2569" width="2.625" style="150" customWidth="1"/>
    <col min="2570" max="2570" width="2" style="150" customWidth="1"/>
    <col min="2571" max="2816" width="9" style="150"/>
    <col min="2817" max="2817" width="10.625" style="150" customWidth="1"/>
    <col min="2818" max="2819" width="15.625" style="150" customWidth="1"/>
    <col min="2820" max="2820" width="12.625" style="150" customWidth="1"/>
    <col min="2821" max="2821" width="7.75" style="150" customWidth="1"/>
    <col min="2822" max="2822" width="23.25" style="150" customWidth="1"/>
    <col min="2823" max="2824" width="14.25" style="150" customWidth="1"/>
    <col min="2825" max="2825" width="2.625" style="150" customWidth="1"/>
    <col min="2826" max="2826" width="2" style="150" customWidth="1"/>
    <col min="2827" max="3072" width="9" style="150"/>
    <col min="3073" max="3073" width="10.625" style="150" customWidth="1"/>
    <col min="3074" max="3075" width="15.625" style="150" customWidth="1"/>
    <col min="3076" max="3076" width="12.625" style="150" customWidth="1"/>
    <col min="3077" max="3077" width="7.75" style="150" customWidth="1"/>
    <col min="3078" max="3078" width="23.25" style="150" customWidth="1"/>
    <col min="3079" max="3080" width="14.25" style="150" customWidth="1"/>
    <col min="3081" max="3081" width="2.625" style="150" customWidth="1"/>
    <col min="3082" max="3082" width="2" style="150" customWidth="1"/>
    <col min="3083" max="3328" width="9" style="150"/>
    <col min="3329" max="3329" width="10.625" style="150" customWidth="1"/>
    <col min="3330" max="3331" width="15.625" style="150" customWidth="1"/>
    <col min="3332" max="3332" width="12.625" style="150" customWidth="1"/>
    <col min="3333" max="3333" width="7.75" style="150" customWidth="1"/>
    <col min="3334" max="3334" width="23.25" style="150" customWidth="1"/>
    <col min="3335" max="3336" width="14.25" style="150" customWidth="1"/>
    <col min="3337" max="3337" width="2.625" style="150" customWidth="1"/>
    <col min="3338" max="3338" width="2" style="150" customWidth="1"/>
    <col min="3339" max="3584" width="9" style="150"/>
    <col min="3585" max="3585" width="10.625" style="150" customWidth="1"/>
    <col min="3586" max="3587" width="15.625" style="150" customWidth="1"/>
    <col min="3588" max="3588" width="12.625" style="150" customWidth="1"/>
    <col min="3589" max="3589" width="7.75" style="150" customWidth="1"/>
    <col min="3590" max="3590" width="23.25" style="150" customWidth="1"/>
    <col min="3591" max="3592" width="14.25" style="150" customWidth="1"/>
    <col min="3593" max="3593" width="2.625" style="150" customWidth="1"/>
    <col min="3594" max="3594" width="2" style="150" customWidth="1"/>
    <col min="3595" max="3840" width="9" style="150"/>
    <col min="3841" max="3841" width="10.625" style="150" customWidth="1"/>
    <col min="3842" max="3843" width="15.625" style="150" customWidth="1"/>
    <col min="3844" max="3844" width="12.625" style="150" customWidth="1"/>
    <col min="3845" max="3845" width="7.75" style="150" customWidth="1"/>
    <col min="3846" max="3846" width="23.25" style="150" customWidth="1"/>
    <col min="3847" max="3848" width="14.25" style="150" customWidth="1"/>
    <col min="3849" max="3849" width="2.625" style="150" customWidth="1"/>
    <col min="3850" max="3850" width="2" style="150" customWidth="1"/>
    <col min="3851" max="4096" width="9" style="150"/>
    <col min="4097" max="4097" width="10.625" style="150" customWidth="1"/>
    <col min="4098" max="4099" width="15.625" style="150" customWidth="1"/>
    <col min="4100" max="4100" width="12.625" style="150" customWidth="1"/>
    <col min="4101" max="4101" width="7.75" style="150" customWidth="1"/>
    <col min="4102" max="4102" width="23.25" style="150" customWidth="1"/>
    <col min="4103" max="4104" width="14.25" style="150" customWidth="1"/>
    <col min="4105" max="4105" width="2.625" style="150" customWidth="1"/>
    <col min="4106" max="4106" width="2" style="150" customWidth="1"/>
    <col min="4107" max="4352" width="9" style="150"/>
    <col min="4353" max="4353" width="10.625" style="150" customWidth="1"/>
    <col min="4354" max="4355" width="15.625" style="150" customWidth="1"/>
    <col min="4356" max="4356" width="12.625" style="150" customWidth="1"/>
    <col min="4357" max="4357" width="7.75" style="150" customWidth="1"/>
    <col min="4358" max="4358" width="23.25" style="150" customWidth="1"/>
    <col min="4359" max="4360" width="14.25" style="150" customWidth="1"/>
    <col min="4361" max="4361" width="2.625" style="150" customWidth="1"/>
    <col min="4362" max="4362" width="2" style="150" customWidth="1"/>
    <col min="4363" max="4608" width="9" style="150"/>
    <col min="4609" max="4609" width="10.625" style="150" customWidth="1"/>
    <col min="4610" max="4611" width="15.625" style="150" customWidth="1"/>
    <col min="4612" max="4612" width="12.625" style="150" customWidth="1"/>
    <col min="4613" max="4613" width="7.75" style="150" customWidth="1"/>
    <col min="4614" max="4614" width="23.25" style="150" customWidth="1"/>
    <col min="4615" max="4616" width="14.25" style="150" customWidth="1"/>
    <col min="4617" max="4617" width="2.625" style="150" customWidth="1"/>
    <col min="4618" max="4618" width="2" style="150" customWidth="1"/>
    <col min="4619" max="4864" width="9" style="150"/>
    <col min="4865" max="4865" width="10.625" style="150" customWidth="1"/>
    <col min="4866" max="4867" width="15.625" style="150" customWidth="1"/>
    <col min="4868" max="4868" width="12.625" style="150" customWidth="1"/>
    <col min="4869" max="4869" width="7.75" style="150" customWidth="1"/>
    <col min="4870" max="4870" width="23.25" style="150" customWidth="1"/>
    <col min="4871" max="4872" width="14.25" style="150" customWidth="1"/>
    <col min="4873" max="4873" width="2.625" style="150" customWidth="1"/>
    <col min="4874" max="4874" width="2" style="150" customWidth="1"/>
    <col min="4875" max="5120" width="9" style="150"/>
    <col min="5121" max="5121" width="10.625" style="150" customWidth="1"/>
    <col min="5122" max="5123" width="15.625" style="150" customWidth="1"/>
    <col min="5124" max="5124" width="12.625" style="150" customWidth="1"/>
    <col min="5125" max="5125" width="7.75" style="150" customWidth="1"/>
    <col min="5126" max="5126" width="23.25" style="150" customWidth="1"/>
    <col min="5127" max="5128" width="14.25" style="150" customWidth="1"/>
    <col min="5129" max="5129" width="2.625" style="150" customWidth="1"/>
    <col min="5130" max="5130" width="2" style="150" customWidth="1"/>
    <col min="5131" max="5376" width="9" style="150"/>
    <col min="5377" max="5377" width="10.625" style="150" customWidth="1"/>
    <col min="5378" max="5379" width="15.625" style="150" customWidth="1"/>
    <col min="5380" max="5380" width="12.625" style="150" customWidth="1"/>
    <col min="5381" max="5381" width="7.75" style="150" customWidth="1"/>
    <col min="5382" max="5382" width="23.25" style="150" customWidth="1"/>
    <col min="5383" max="5384" width="14.25" style="150" customWidth="1"/>
    <col min="5385" max="5385" width="2.625" style="150" customWidth="1"/>
    <col min="5386" max="5386" width="2" style="150" customWidth="1"/>
    <col min="5387" max="5632" width="9" style="150"/>
    <col min="5633" max="5633" width="10.625" style="150" customWidth="1"/>
    <col min="5634" max="5635" width="15.625" style="150" customWidth="1"/>
    <col min="5636" max="5636" width="12.625" style="150" customWidth="1"/>
    <col min="5637" max="5637" width="7.75" style="150" customWidth="1"/>
    <col min="5638" max="5638" width="23.25" style="150" customWidth="1"/>
    <col min="5639" max="5640" width="14.25" style="150" customWidth="1"/>
    <col min="5641" max="5641" width="2.625" style="150" customWidth="1"/>
    <col min="5642" max="5642" width="2" style="150" customWidth="1"/>
    <col min="5643" max="5888" width="9" style="150"/>
    <col min="5889" max="5889" width="10.625" style="150" customWidth="1"/>
    <col min="5890" max="5891" width="15.625" style="150" customWidth="1"/>
    <col min="5892" max="5892" width="12.625" style="150" customWidth="1"/>
    <col min="5893" max="5893" width="7.75" style="150" customWidth="1"/>
    <col min="5894" max="5894" width="23.25" style="150" customWidth="1"/>
    <col min="5895" max="5896" width="14.25" style="150" customWidth="1"/>
    <col min="5897" max="5897" width="2.625" style="150" customWidth="1"/>
    <col min="5898" max="5898" width="2" style="150" customWidth="1"/>
    <col min="5899" max="6144" width="9" style="150"/>
    <col min="6145" max="6145" width="10.625" style="150" customWidth="1"/>
    <col min="6146" max="6147" width="15.625" style="150" customWidth="1"/>
    <col min="6148" max="6148" width="12.625" style="150" customWidth="1"/>
    <col min="6149" max="6149" width="7.75" style="150" customWidth="1"/>
    <col min="6150" max="6150" width="23.25" style="150" customWidth="1"/>
    <col min="6151" max="6152" width="14.25" style="150" customWidth="1"/>
    <col min="6153" max="6153" width="2.625" style="150" customWidth="1"/>
    <col min="6154" max="6154" width="2" style="150" customWidth="1"/>
    <col min="6155" max="6400" width="9" style="150"/>
    <col min="6401" max="6401" width="10.625" style="150" customWidth="1"/>
    <col min="6402" max="6403" width="15.625" style="150" customWidth="1"/>
    <col min="6404" max="6404" width="12.625" style="150" customWidth="1"/>
    <col min="6405" max="6405" width="7.75" style="150" customWidth="1"/>
    <col min="6406" max="6406" width="23.25" style="150" customWidth="1"/>
    <col min="6407" max="6408" width="14.25" style="150" customWidth="1"/>
    <col min="6409" max="6409" width="2.625" style="150" customWidth="1"/>
    <col min="6410" max="6410" width="2" style="150" customWidth="1"/>
    <col min="6411" max="6656" width="9" style="150"/>
    <col min="6657" max="6657" width="10.625" style="150" customWidth="1"/>
    <col min="6658" max="6659" width="15.625" style="150" customWidth="1"/>
    <col min="6660" max="6660" width="12.625" style="150" customWidth="1"/>
    <col min="6661" max="6661" width="7.75" style="150" customWidth="1"/>
    <col min="6662" max="6662" width="23.25" style="150" customWidth="1"/>
    <col min="6663" max="6664" width="14.25" style="150" customWidth="1"/>
    <col min="6665" max="6665" width="2.625" style="150" customWidth="1"/>
    <col min="6666" max="6666" width="2" style="150" customWidth="1"/>
    <col min="6667" max="6912" width="9" style="150"/>
    <col min="6913" max="6913" width="10.625" style="150" customWidth="1"/>
    <col min="6914" max="6915" width="15.625" style="150" customWidth="1"/>
    <col min="6916" max="6916" width="12.625" style="150" customWidth="1"/>
    <col min="6917" max="6917" width="7.75" style="150" customWidth="1"/>
    <col min="6918" max="6918" width="23.25" style="150" customWidth="1"/>
    <col min="6919" max="6920" width="14.25" style="150" customWidth="1"/>
    <col min="6921" max="6921" width="2.625" style="150" customWidth="1"/>
    <col min="6922" max="6922" width="2" style="150" customWidth="1"/>
    <col min="6923" max="7168" width="9" style="150"/>
    <col min="7169" max="7169" width="10.625" style="150" customWidth="1"/>
    <col min="7170" max="7171" width="15.625" style="150" customWidth="1"/>
    <col min="7172" max="7172" width="12.625" style="150" customWidth="1"/>
    <col min="7173" max="7173" width="7.75" style="150" customWidth="1"/>
    <col min="7174" max="7174" width="23.25" style="150" customWidth="1"/>
    <col min="7175" max="7176" width="14.25" style="150" customWidth="1"/>
    <col min="7177" max="7177" width="2.625" style="150" customWidth="1"/>
    <col min="7178" max="7178" width="2" style="150" customWidth="1"/>
    <col min="7179" max="7424" width="9" style="150"/>
    <col min="7425" max="7425" width="10.625" style="150" customWidth="1"/>
    <col min="7426" max="7427" width="15.625" style="150" customWidth="1"/>
    <col min="7428" max="7428" width="12.625" style="150" customWidth="1"/>
    <col min="7429" max="7429" width="7.75" style="150" customWidth="1"/>
    <col min="7430" max="7430" width="23.25" style="150" customWidth="1"/>
    <col min="7431" max="7432" width="14.25" style="150" customWidth="1"/>
    <col min="7433" max="7433" width="2.625" style="150" customWidth="1"/>
    <col min="7434" max="7434" width="2" style="150" customWidth="1"/>
    <col min="7435" max="7680" width="9" style="150"/>
    <col min="7681" max="7681" width="10.625" style="150" customWidth="1"/>
    <col min="7682" max="7683" width="15.625" style="150" customWidth="1"/>
    <col min="7684" max="7684" width="12.625" style="150" customWidth="1"/>
    <col min="7685" max="7685" width="7.75" style="150" customWidth="1"/>
    <col min="7686" max="7686" width="23.25" style="150" customWidth="1"/>
    <col min="7687" max="7688" width="14.25" style="150" customWidth="1"/>
    <col min="7689" max="7689" width="2.625" style="150" customWidth="1"/>
    <col min="7690" max="7690" width="2" style="150" customWidth="1"/>
    <col min="7691" max="7936" width="9" style="150"/>
    <col min="7937" max="7937" width="10.625" style="150" customWidth="1"/>
    <col min="7938" max="7939" width="15.625" style="150" customWidth="1"/>
    <col min="7940" max="7940" width="12.625" style="150" customWidth="1"/>
    <col min="7941" max="7941" width="7.75" style="150" customWidth="1"/>
    <col min="7942" max="7942" width="23.25" style="150" customWidth="1"/>
    <col min="7943" max="7944" width="14.25" style="150" customWidth="1"/>
    <col min="7945" max="7945" width="2.625" style="150" customWidth="1"/>
    <col min="7946" max="7946" width="2" style="150" customWidth="1"/>
    <col min="7947" max="8192" width="9" style="150"/>
    <col min="8193" max="8193" width="10.625" style="150" customWidth="1"/>
    <col min="8194" max="8195" width="15.625" style="150" customWidth="1"/>
    <col min="8196" max="8196" width="12.625" style="150" customWidth="1"/>
    <col min="8197" max="8197" width="7.75" style="150" customWidth="1"/>
    <col min="8198" max="8198" width="23.25" style="150" customWidth="1"/>
    <col min="8199" max="8200" width="14.25" style="150" customWidth="1"/>
    <col min="8201" max="8201" width="2.625" style="150" customWidth="1"/>
    <col min="8202" max="8202" width="2" style="150" customWidth="1"/>
    <col min="8203" max="8448" width="9" style="150"/>
    <col min="8449" max="8449" width="10.625" style="150" customWidth="1"/>
    <col min="8450" max="8451" width="15.625" style="150" customWidth="1"/>
    <col min="8452" max="8452" width="12.625" style="150" customWidth="1"/>
    <col min="8453" max="8453" width="7.75" style="150" customWidth="1"/>
    <col min="8454" max="8454" width="23.25" style="150" customWidth="1"/>
    <col min="8455" max="8456" width="14.25" style="150" customWidth="1"/>
    <col min="8457" max="8457" width="2.625" style="150" customWidth="1"/>
    <col min="8458" max="8458" width="2" style="150" customWidth="1"/>
    <col min="8459" max="8704" width="9" style="150"/>
    <col min="8705" max="8705" width="10.625" style="150" customWidth="1"/>
    <col min="8706" max="8707" width="15.625" style="150" customWidth="1"/>
    <col min="8708" max="8708" width="12.625" style="150" customWidth="1"/>
    <col min="8709" max="8709" width="7.75" style="150" customWidth="1"/>
    <col min="8710" max="8710" width="23.25" style="150" customWidth="1"/>
    <col min="8711" max="8712" width="14.25" style="150" customWidth="1"/>
    <col min="8713" max="8713" width="2.625" style="150" customWidth="1"/>
    <col min="8714" max="8714" width="2" style="150" customWidth="1"/>
    <col min="8715" max="8960" width="9" style="150"/>
    <col min="8961" max="8961" width="10.625" style="150" customWidth="1"/>
    <col min="8962" max="8963" width="15.625" style="150" customWidth="1"/>
    <col min="8964" max="8964" width="12.625" style="150" customWidth="1"/>
    <col min="8965" max="8965" width="7.75" style="150" customWidth="1"/>
    <col min="8966" max="8966" width="23.25" style="150" customWidth="1"/>
    <col min="8967" max="8968" width="14.25" style="150" customWidth="1"/>
    <col min="8969" max="8969" width="2.625" style="150" customWidth="1"/>
    <col min="8970" max="8970" width="2" style="150" customWidth="1"/>
    <col min="8971" max="9216" width="9" style="150"/>
    <col min="9217" max="9217" width="10.625" style="150" customWidth="1"/>
    <col min="9218" max="9219" width="15.625" style="150" customWidth="1"/>
    <col min="9220" max="9220" width="12.625" style="150" customWidth="1"/>
    <col min="9221" max="9221" width="7.75" style="150" customWidth="1"/>
    <col min="9222" max="9222" width="23.25" style="150" customWidth="1"/>
    <col min="9223" max="9224" width="14.25" style="150" customWidth="1"/>
    <col min="9225" max="9225" width="2.625" style="150" customWidth="1"/>
    <col min="9226" max="9226" width="2" style="150" customWidth="1"/>
    <col min="9227" max="9472" width="9" style="150"/>
    <col min="9473" max="9473" width="10.625" style="150" customWidth="1"/>
    <col min="9474" max="9475" width="15.625" style="150" customWidth="1"/>
    <col min="9476" max="9476" width="12.625" style="150" customWidth="1"/>
    <col min="9477" max="9477" width="7.75" style="150" customWidth="1"/>
    <col min="9478" max="9478" width="23.25" style="150" customWidth="1"/>
    <col min="9479" max="9480" width="14.25" style="150" customWidth="1"/>
    <col min="9481" max="9481" width="2.625" style="150" customWidth="1"/>
    <col min="9482" max="9482" width="2" style="150" customWidth="1"/>
    <col min="9483" max="9728" width="9" style="150"/>
    <col min="9729" max="9729" width="10.625" style="150" customWidth="1"/>
    <col min="9730" max="9731" width="15.625" style="150" customWidth="1"/>
    <col min="9732" max="9732" width="12.625" style="150" customWidth="1"/>
    <col min="9733" max="9733" width="7.75" style="150" customWidth="1"/>
    <col min="9734" max="9734" width="23.25" style="150" customWidth="1"/>
    <col min="9735" max="9736" width="14.25" style="150" customWidth="1"/>
    <col min="9737" max="9737" width="2.625" style="150" customWidth="1"/>
    <col min="9738" max="9738" width="2" style="150" customWidth="1"/>
    <col min="9739" max="9984" width="9" style="150"/>
    <col min="9985" max="9985" width="10.625" style="150" customWidth="1"/>
    <col min="9986" max="9987" width="15.625" style="150" customWidth="1"/>
    <col min="9988" max="9988" width="12.625" style="150" customWidth="1"/>
    <col min="9989" max="9989" width="7.75" style="150" customWidth="1"/>
    <col min="9990" max="9990" width="23.25" style="150" customWidth="1"/>
    <col min="9991" max="9992" width="14.25" style="150" customWidth="1"/>
    <col min="9993" max="9993" width="2.625" style="150" customWidth="1"/>
    <col min="9994" max="9994" width="2" style="150" customWidth="1"/>
    <col min="9995" max="10240" width="9" style="150"/>
    <col min="10241" max="10241" width="10.625" style="150" customWidth="1"/>
    <col min="10242" max="10243" width="15.625" style="150" customWidth="1"/>
    <col min="10244" max="10244" width="12.625" style="150" customWidth="1"/>
    <col min="10245" max="10245" width="7.75" style="150" customWidth="1"/>
    <col min="10246" max="10246" width="23.25" style="150" customWidth="1"/>
    <col min="10247" max="10248" width="14.25" style="150" customWidth="1"/>
    <col min="10249" max="10249" width="2.625" style="150" customWidth="1"/>
    <col min="10250" max="10250" width="2" style="150" customWidth="1"/>
    <col min="10251" max="10496" width="9" style="150"/>
    <col min="10497" max="10497" width="10.625" style="150" customWidth="1"/>
    <col min="10498" max="10499" width="15.625" style="150" customWidth="1"/>
    <col min="10500" max="10500" width="12.625" style="150" customWidth="1"/>
    <col min="10501" max="10501" width="7.75" style="150" customWidth="1"/>
    <col min="10502" max="10502" width="23.25" style="150" customWidth="1"/>
    <col min="10503" max="10504" width="14.25" style="150" customWidth="1"/>
    <col min="10505" max="10505" width="2.625" style="150" customWidth="1"/>
    <col min="10506" max="10506" width="2" style="150" customWidth="1"/>
    <col min="10507" max="10752" width="9" style="150"/>
    <col min="10753" max="10753" width="10.625" style="150" customWidth="1"/>
    <col min="10754" max="10755" width="15.625" style="150" customWidth="1"/>
    <col min="10756" max="10756" width="12.625" style="150" customWidth="1"/>
    <col min="10757" max="10757" width="7.75" style="150" customWidth="1"/>
    <col min="10758" max="10758" width="23.25" style="150" customWidth="1"/>
    <col min="10759" max="10760" width="14.25" style="150" customWidth="1"/>
    <col min="10761" max="10761" width="2.625" style="150" customWidth="1"/>
    <col min="10762" max="10762" width="2" style="150" customWidth="1"/>
    <col min="10763" max="11008" width="9" style="150"/>
    <col min="11009" max="11009" width="10.625" style="150" customWidth="1"/>
    <col min="11010" max="11011" width="15.625" style="150" customWidth="1"/>
    <col min="11012" max="11012" width="12.625" style="150" customWidth="1"/>
    <col min="11013" max="11013" width="7.75" style="150" customWidth="1"/>
    <col min="11014" max="11014" width="23.25" style="150" customWidth="1"/>
    <col min="11015" max="11016" width="14.25" style="150" customWidth="1"/>
    <col min="11017" max="11017" width="2.625" style="150" customWidth="1"/>
    <col min="11018" max="11018" width="2" style="150" customWidth="1"/>
    <col min="11019" max="11264" width="9" style="150"/>
    <col min="11265" max="11265" width="10.625" style="150" customWidth="1"/>
    <col min="11266" max="11267" width="15.625" style="150" customWidth="1"/>
    <col min="11268" max="11268" width="12.625" style="150" customWidth="1"/>
    <col min="11269" max="11269" width="7.75" style="150" customWidth="1"/>
    <col min="11270" max="11270" width="23.25" style="150" customWidth="1"/>
    <col min="11271" max="11272" width="14.25" style="150" customWidth="1"/>
    <col min="11273" max="11273" width="2.625" style="150" customWidth="1"/>
    <col min="11274" max="11274" width="2" style="150" customWidth="1"/>
    <col min="11275" max="11520" width="9" style="150"/>
    <col min="11521" max="11521" width="10.625" style="150" customWidth="1"/>
    <col min="11522" max="11523" width="15.625" style="150" customWidth="1"/>
    <col min="11524" max="11524" width="12.625" style="150" customWidth="1"/>
    <col min="11525" max="11525" width="7.75" style="150" customWidth="1"/>
    <col min="11526" max="11526" width="23.25" style="150" customWidth="1"/>
    <col min="11527" max="11528" width="14.25" style="150" customWidth="1"/>
    <col min="11529" max="11529" width="2.625" style="150" customWidth="1"/>
    <col min="11530" max="11530" width="2" style="150" customWidth="1"/>
    <col min="11531" max="11776" width="9" style="150"/>
    <col min="11777" max="11777" width="10.625" style="150" customWidth="1"/>
    <col min="11778" max="11779" width="15.625" style="150" customWidth="1"/>
    <col min="11780" max="11780" width="12.625" style="150" customWidth="1"/>
    <col min="11781" max="11781" width="7.75" style="150" customWidth="1"/>
    <col min="11782" max="11782" width="23.25" style="150" customWidth="1"/>
    <col min="11783" max="11784" width="14.25" style="150" customWidth="1"/>
    <col min="11785" max="11785" width="2.625" style="150" customWidth="1"/>
    <col min="11786" max="11786" width="2" style="150" customWidth="1"/>
    <col min="11787" max="12032" width="9" style="150"/>
    <col min="12033" max="12033" width="10.625" style="150" customWidth="1"/>
    <col min="12034" max="12035" width="15.625" style="150" customWidth="1"/>
    <col min="12036" max="12036" width="12.625" style="150" customWidth="1"/>
    <col min="12037" max="12037" width="7.75" style="150" customWidth="1"/>
    <col min="12038" max="12038" width="23.25" style="150" customWidth="1"/>
    <col min="12039" max="12040" width="14.25" style="150" customWidth="1"/>
    <col min="12041" max="12041" width="2.625" style="150" customWidth="1"/>
    <col min="12042" max="12042" width="2" style="150" customWidth="1"/>
    <col min="12043" max="12288" width="9" style="150"/>
    <col min="12289" max="12289" width="10.625" style="150" customWidth="1"/>
    <col min="12290" max="12291" width="15.625" style="150" customWidth="1"/>
    <col min="12292" max="12292" width="12.625" style="150" customWidth="1"/>
    <col min="12293" max="12293" width="7.75" style="150" customWidth="1"/>
    <col min="12294" max="12294" width="23.25" style="150" customWidth="1"/>
    <col min="12295" max="12296" width="14.25" style="150" customWidth="1"/>
    <col min="12297" max="12297" width="2.625" style="150" customWidth="1"/>
    <col min="12298" max="12298" width="2" style="150" customWidth="1"/>
    <col min="12299" max="12544" width="9" style="150"/>
    <col min="12545" max="12545" width="10.625" style="150" customWidth="1"/>
    <col min="12546" max="12547" width="15.625" style="150" customWidth="1"/>
    <col min="12548" max="12548" width="12.625" style="150" customWidth="1"/>
    <col min="12549" max="12549" width="7.75" style="150" customWidth="1"/>
    <col min="12550" max="12550" width="23.25" style="150" customWidth="1"/>
    <col min="12551" max="12552" width="14.25" style="150" customWidth="1"/>
    <col min="12553" max="12553" width="2.625" style="150" customWidth="1"/>
    <col min="12554" max="12554" width="2" style="150" customWidth="1"/>
    <col min="12555" max="12800" width="9" style="150"/>
    <col min="12801" max="12801" width="10.625" style="150" customWidth="1"/>
    <col min="12802" max="12803" width="15.625" style="150" customWidth="1"/>
    <col min="12804" max="12804" width="12.625" style="150" customWidth="1"/>
    <col min="12805" max="12805" width="7.75" style="150" customWidth="1"/>
    <col min="12806" max="12806" width="23.25" style="150" customWidth="1"/>
    <col min="12807" max="12808" width="14.25" style="150" customWidth="1"/>
    <col min="12809" max="12809" width="2.625" style="150" customWidth="1"/>
    <col min="12810" max="12810" width="2" style="150" customWidth="1"/>
    <col min="12811" max="13056" width="9" style="150"/>
    <col min="13057" max="13057" width="10.625" style="150" customWidth="1"/>
    <col min="13058" max="13059" width="15.625" style="150" customWidth="1"/>
    <col min="13060" max="13060" width="12.625" style="150" customWidth="1"/>
    <col min="13061" max="13061" width="7.75" style="150" customWidth="1"/>
    <col min="13062" max="13062" width="23.25" style="150" customWidth="1"/>
    <col min="13063" max="13064" width="14.25" style="150" customWidth="1"/>
    <col min="13065" max="13065" width="2.625" style="150" customWidth="1"/>
    <col min="13066" max="13066" width="2" style="150" customWidth="1"/>
    <col min="13067" max="13312" width="9" style="150"/>
    <col min="13313" max="13313" width="10.625" style="150" customWidth="1"/>
    <col min="13314" max="13315" width="15.625" style="150" customWidth="1"/>
    <col min="13316" max="13316" width="12.625" style="150" customWidth="1"/>
    <col min="13317" max="13317" width="7.75" style="150" customWidth="1"/>
    <col min="13318" max="13318" width="23.25" style="150" customWidth="1"/>
    <col min="13319" max="13320" width="14.25" style="150" customWidth="1"/>
    <col min="13321" max="13321" width="2.625" style="150" customWidth="1"/>
    <col min="13322" max="13322" width="2" style="150" customWidth="1"/>
    <col min="13323" max="13568" width="9" style="150"/>
    <col min="13569" max="13569" width="10.625" style="150" customWidth="1"/>
    <col min="13570" max="13571" width="15.625" style="150" customWidth="1"/>
    <col min="13572" max="13572" width="12.625" style="150" customWidth="1"/>
    <col min="13573" max="13573" width="7.75" style="150" customWidth="1"/>
    <col min="13574" max="13574" width="23.25" style="150" customWidth="1"/>
    <col min="13575" max="13576" width="14.25" style="150" customWidth="1"/>
    <col min="13577" max="13577" width="2.625" style="150" customWidth="1"/>
    <col min="13578" max="13578" width="2" style="150" customWidth="1"/>
    <col min="13579" max="13824" width="9" style="150"/>
    <col min="13825" max="13825" width="10.625" style="150" customWidth="1"/>
    <col min="13826" max="13827" width="15.625" style="150" customWidth="1"/>
    <col min="13828" max="13828" width="12.625" style="150" customWidth="1"/>
    <col min="13829" max="13829" width="7.75" style="150" customWidth="1"/>
    <col min="13830" max="13830" width="23.25" style="150" customWidth="1"/>
    <col min="13831" max="13832" width="14.25" style="150" customWidth="1"/>
    <col min="13833" max="13833" width="2.625" style="150" customWidth="1"/>
    <col min="13834" max="13834" width="2" style="150" customWidth="1"/>
    <col min="13835" max="14080" width="9" style="150"/>
    <col min="14081" max="14081" width="10.625" style="150" customWidth="1"/>
    <col min="14082" max="14083" width="15.625" style="150" customWidth="1"/>
    <col min="14084" max="14084" width="12.625" style="150" customWidth="1"/>
    <col min="14085" max="14085" width="7.75" style="150" customWidth="1"/>
    <col min="14086" max="14086" width="23.25" style="150" customWidth="1"/>
    <col min="14087" max="14088" width="14.25" style="150" customWidth="1"/>
    <col min="14089" max="14089" width="2.625" style="150" customWidth="1"/>
    <col min="14090" max="14090" width="2" style="150" customWidth="1"/>
    <col min="14091" max="14336" width="9" style="150"/>
    <col min="14337" max="14337" width="10.625" style="150" customWidth="1"/>
    <col min="14338" max="14339" width="15.625" style="150" customWidth="1"/>
    <col min="14340" max="14340" width="12.625" style="150" customWidth="1"/>
    <col min="14341" max="14341" width="7.75" style="150" customWidth="1"/>
    <col min="14342" max="14342" width="23.25" style="150" customWidth="1"/>
    <col min="14343" max="14344" width="14.25" style="150" customWidth="1"/>
    <col min="14345" max="14345" width="2.625" style="150" customWidth="1"/>
    <col min="14346" max="14346" width="2" style="150" customWidth="1"/>
    <col min="14347" max="14592" width="9" style="150"/>
    <col min="14593" max="14593" width="10.625" style="150" customWidth="1"/>
    <col min="14594" max="14595" width="15.625" style="150" customWidth="1"/>
    <col min="14596" max="14596" width="12.625" style="150" customWidth="1"/>
    <col min="14597" max="14597" width="7.75" style="150" customWidth="1"/>
    <col min="14598" max="14598" width="23.25" style="150" customWidth="1"/>
    <col min="14599" max="14600" width="14.25" style="150" customWidth="1"/>
    <col min="14601" max="14601" width="2.625" style="150" customWidth="1"/>
    <col min="14602" max="14602" width="2" style="150" customWidth="1"/>
    <col min="14603" max="14848" width="9" style="150"/>
    <col min="14849" max="14849" width="10.625" style="150" customWidth="1"/>
    <col min="14850" max="14851" width="15.625" style="150" customWidth="1"/>
    <col min="14852" max="14852" width="12.625" style="150" customWidth="1"/>
    <col min="14853" max="14853" width="7.75" style="150" customWidth="1"/>
    <col min="14854" max="14854" width="23.25" style="150" customWidth="1"/>
    <col min="14855" max="14856" width="14.25" style="150" customWidth="1"/>
    <col min="14857" max="14857" width="2.625" style="150" customWidth="1"/>
    <col min="14858" max="14858" width="2" style="150" customWidth="1"/>
    <col min="14859" max="15104" width="9" style="150"/>
    <col min="15105" max="15105" width="10.625" style="150" customWidth="1"/>
    <col min="15106" max="15107" width="15.625" style="150" customWidth="1"/>
    <col min="15108" max="15108" width="12.625" style="150" customWidth="1"/>
    <col min="15109" max="15109" width="7.75" style="150" customWidth="1"/>
    <col min="15110" max="15110" width="23.25" style="150" customWidth="1"/>
    <col min="15111" max="15112" width="14.25" style="150" customWidth="1"/>
    <col min="15113" max="15113" width="2.625" style="150" customWidth="1"/>
    <col min="15114" max="15114" width="2" style="150" customWidth="1"/>
    <col min="15115" max="15360" width="9" style="150"/>
    <col min="15361" max="15361" width="10.625" style="150" customWidth="1"/>
    <col min="15362" max="15363" width="15.625" style="150" customWidth="1"/>
    <col min="15364" max="15364" width="12.625" style="150" customWidth="1"/>
    <col min="15365" max="15365" width="7.75" style="150" customWidth="1"/>
    <col min="15366" max="15366" width="23.25" style="150" customWidth="1"/>
    <col min="15367" max="15368" width="14.25" style="150" customWidth="1"/>
    <col min="15369" max="15369" width="2.625" style="150" customWidth="1"/>
    <col min="15370" max="15370" width="2" style="150" customWidth="1"/>
    <col min="15371" max="15616" width="9" style="150"/>
    <col min="15617" max="15617" width="10.625" style="150" customWidth="1"/>
    <col min="15618" max="15619" width="15.625" style="150" customWidth="1"/>
    <col min="15620" max="15620" width="12.625" style="150" customWidth="1"/>
    <col min="15621" max="15621" width="7.75" style="150" customWidth="1"/>
    <col min="15622" max="15622" width="23.25" style="150" customWidth="1"/>
    <col min="15623" max="15624" width="14.25" style="150" customWidth="1"/>
    <col min="15625" max="15625" width="2.625" style="150" customWidth="1"/>
    <col min="15626" max="15626" width="2" style="150" customWidth="1"/>
    <col min="15627" max="15872" width="9" style="150"/>
    <col min="15873" max="15873" width="10.625" style="150" customWidth="1"/>
    <col min="15874" max="15875" width="15.625" style="150" customWidth="1"/>
    <col min="15876" max="15876" width="12.625" style="150" customWidth="1"/>
    <col min="15877" max="15877" width="7.75" style="150" customWidth="1"/>
    <col min="15878" max="15878" width="23.25" style="150" customWidth="1"/>
    <col min="15879" max="15880" width="14.25" style="150" customWidth="1"/>
    <col min="15881" max="15881" width="2.625" style="150" customWidth="1"/>
    <col min="15882" max="15882" width="2" style="150" customWidth="1"/>
    <col min="15883" max="16128" width="9" style="150"/>
    <col min="16129" max="16129" width="10.625" style="150" customWidth="1"/>
    <col min="16130" max="16131" width="15.625" style="150" customWidth="1"/>
    <col min="16132" max="16132" width="12.625" style="150" customWidth="1"/>
    <col min="16133" max="16133" width="7.75" style="150" customWidth="1"/>
    <col min="16134" max="16134" width="23.25" style="150" customWidth="1"/>
    <col min="16135" max="16136" width="14.25" style="150" customWidth="1"/>
    <col min="16137" max="16137" width="2.625" style="150" customWidth="1"/>
    <col min="16138" max="16138" width="2" style="150" customWidth="1"/>
    <col min="16139" max="16384" width="9" style="150"/>
  </cols>
  <sheetData>
    <row r="1" spans="1:9" ht="20.25" customHeight="1">
      <c r="A1" s="146" t="s">
        <v>82</v>
      </c>
      <c r="C1" s="146"/>
      <c r="D1" s="146"/>
      <c r="E1" s="146"/>
    </row>
    <row r="2" spans="1:9" ht="30.75" customHeight="1">
      <c r="A2" s="317" t="s">
        <v>151</v>
      </c>
      <c r="B2" s="317"/>
      <c r="C2" s="317"/>
      <c r="D2" s="317"/>
      <c r="E2" s="317"/>
      <c r="F2" s="317"/>
      <c r="G2" s="151"/>
      <c r="H2" s="151"/>
      <c r="I2" s="151"/>
    </row>
    <row r="4" spans="1:9">
      <c r="F4" s="152" t="s">
        <v>166</v>
      </c>
    </row>
    <row r="6" spans="1:9">
      <c r="A6" s="318" t="s">
        <v>152</v>
      </c>
      <c r="B6" s="318" t="s">
        <v>153</v>
      </c>
      <c r="C6" s="318" t="s">
        <v>154</v>
      </c>
      <c r="D6" s="147" t="s">
        <v>155</v>
      </c>
      <c r="E6" s="147" t="s">
        <v>156</v>
      </c>
      <c r="F6" s="318" t="s">
        <v>157</v>
      </c>
    </row>
    <row r="7" spans="1:9" ht="21">
      <c r="A7" s="318"/>
      <c r="B7" s="318"/>
      <c r="C7" s="318"/>
      <c r="D7" s="148" t="s">
        <v>162</v>
      </c>
      <c r="E7" s="149" t="s">
        <v>158</v>
      </c>
      <c r="F7" s="318"/>
    </row>
    <row r="8" spans="1:9" ht="15.75" customHeight="1">
      <c r="A8" s="316"/>
      <c r="B8" s="315"/>
      <c r="C8" s="315"/>
      <c r="D8" s="155" t="s">
        <v>165</v>
      </c>
      <c r="E8" s="315"/>
      <c r="F8" s="316"/>
    </row>
    <row r="9" spans="1:9" ht="15.75" customHeight="1">
      <c r="A9" s="316"/>
      <c r="B9" s="315"/>
      <c r="C9" s="315"/>
      <c r="D9" s="155" t="s">
        <v>163</v>
      </c>
      <c r="E9" s="315"/>
      <c r="F9" s="316"/>
    </row>
    <row r="10" spans="1:9" ht="15.75" customHeight="1">
      <c r="A10" s="316"/>
      <c r="B10" s="315"/>
      <c r="C10" s="315"/>
      <c r="D10" s="155" t="s">
        <v>164</v>
      </c>
      <c r="E10" s="315"/>
      <c r="F10" s="316"/>
    </row>
    <row r="11" spans="1:9" ht="15.75" customHeight="1">
      <c r="A11" s="315"/>
      <c r="B11" s="315"/>
      <c r="C11" s="315"/>
      <c r="D11" s="155" t="s">
        <v>165</v>
      </c>
      <c r="E11" s="315"/>
      <c r="F11" s="316"/>
    </row>
    <row r="12" spans="1:9" ht="15.75" customHeight="1">
      <c r="A12" s="315"/>
      <c r="B12" s="315"/>
      <c r="C12" s="315"/>
      <c r="D12" s="155" t="s">
        <v>163</v>
      </c>
      <c r="E12" s="315"/>
      <c r="F12" s="316"/>
    </row>
    <row r="13" spans="1:9" ht="15.75" customHeight="1">
      <c r="A13" s="315"/>
      <c r="B13" s="315"/>
      <c r="C13" s="315"/>
      <c r="D13" s="155" t="s">
        <v>164</v>
      </c>
      <c r="E13" s="315"/>
      <c r="F13" s="316"/>
    </row>
    <row r="14" spans="1:9" ht="15.75" customHeight="1">
      <c r="A14" s="315"/>
      <c r="B14" s="315"/>
      <c r="C14" s="315"/>
      <c r="D14" s="155" t="s">
        <v>165</v>
      </c>
      <c r="E14" s="315"/>
      <c r="F14" s="316"/>
    </row>
    <row r="15" spans="1:9" ht="15.75" customHeight="1">
      <c r="A15" s="315"/>
      <c r="B15" s="315"/>
      <c r="C15" s="315"/>
      <c r="D15" s="155" t="s">
        <v>163</v>
      </c>
      <c r="E15" s="315"/>
      <c r="F15" s="316"/>
    </row>
    <row r="16" spans="1:9" ht="15.75" customHeight="1">
      <c r="A16" s="315"/>
      <c r="B16" s="315"/>
      <c r="C16" s="315"/>
      <c r="D16" s="155" t="s">
        <v>164</v>
      </c>
      <c r="E16" s="315"/>
      <c r="F16" s="316"/>
    </row>
    <row r="17" spans="1:6" ht="15.75" customHeight="1">
      <c r="A17" s="315"/>
      <c r="B17" s="315"/>
      <c r="C17" s="315"/>
      <c r="D17" s="155" t="s">
        <v>165</v>
      </c>
      <c r="E17" s="315"/>
      <c r="F17" s="316"/>
    </row>
    <row r="18" spans="1:6" ht="15.75" customHeight="1">
      <c r="A18" s="315"/>
      <c r="B18" s="315"/>
      <c r="C18" s="315"/>
      <c r="D18" s="155" t="s">
        <v>163</v>
      </c>
      <c r="E18" s="315"/>
      <c r="F18" s="316"/>
    </row>
    <row r="19" spans="1:6" ht="15.75" customHeight="1">
      <c r="A19" s="315"/>
      <c r="B19" s="315"/>
      <c r="C19" s="315"/>
      <c r="D19" s="155" t="s">
        <v>164</v>
      </c>
      <c r="E19" s="315"/>
      <c r="F19" s="316"/>
    </row>
    <row r="20" spans="1:6" ht="15.75" customHeight="1">
      <c r="A20" s="315"/>
      <c r="B20" s="315"/>
      <c r="C20" s="315"/>
      <c r="D20" s="155" t="s">
        <v>165</v>
      </c>
      <c r="E20" s="315"/>
      <c r="F20" s="316"/>
    </row>
    <row r="21" spans="1:6" ht="15.75" customHeight="1">
      <c r="A21" s="315"/>
      <c r="B21" s="315"/>
      <c r="C21" s="315"/>
      <c r="D21" s="155" t="s">
        <v>163</v>
      </c>
      <c r="E21" s="315"/>
      <c r="F21" s="316"/>
    </row>
    <row r="22" spans="1:6" ht="15.75" customHeight="1">
      <c r="A22" s="315"/>
      <c r="B22" s="315"/>
      <c r="C22" s="315"/>
      <c r="D22" s="155" t="s">
        <v>164</v>
      </c>
      <c r="E22" s="315"/>
      <c r="F22" s="316"/>
    </row>
    <row r="23" spans="1:6" ht="15.75" customHeight="1">
      <c r="A23" s="315"/>
      <c r="B23" s="315"/>
      <c r="C23" s="315"/>
      <c r="D23" s="155" t="s">
        <v>165</v>
      </c>
      <c r="E23" s="315"/>
      <c r="F23" s="316"/>
    </row>
    <row r="24" spans="1:6" ht="15.75" customHeight="1">
      <c r="A24" s="315"/>
      <c r="B24" s="315"/>
      <c r="C24" s="315"/>
      <c r="D24" s="155" t="s">
        <v>163</v>
      </c>
      <c r="E24" s="315"/>
      <c r="F24" s="316"/>
    </row>
    <row r="25" spans="1:6" ht="15.75" customHeight="1">
      <c r="A25" s="315"/>
      <c r="B25" s="315"/>
      <c r="C25" s="315"/>
      <c r="D25" s="155" t="s">
        <v>164</v>
      </c>
      <c r="E25" s="315"/>
      <c r="F25" s="316"/>
    </row>
    <row r="26" spans="1:6" ht="15.75" customHeight="1">
      <c r="A26" s="315"/>
      <c r="B26" s="315"/>
      <c r="C26" s="315"/>
      <c r="D26" s="155" t="s">
        <v>165</v>
      </c>
      <c r="E26" s="315"/>
      <c r="F26" s="316"/>
    </row>
    <row r="27" spans="1:6" ht="15.75" customHeight="1">
      <c r="A27" s="315"/>
      <c r="B27" s="315"/>
      <c r="C27" s="315"/>
      <c r="D27" s="155" t="s">
        <v>163</v>
      </c>
      <c r="E27" s="315"/>
      <c r="F27" s="316"/>
    </row>
    <row r="28" spans="1:6" ht="15.75" customHeight="1">
      <c r="A28" s="315"/>
      <c r="B28" s="315"/>
      <c r="C28" s="315"/>
      <c r="D28" s="155" t="s">
        <v>164</v>
      </c>
      <c r="E28" s="315"/>
      <c r="F28" s="316"/>
    </row>
    <row r="29" spans="1:6" ht="15.75" customHeight="1">
      <c r="A29" s="315"/>
      <c r="B29" s="315"/>
      <c r="C29" s="315"/>
      <c r="D29" s="155" t="s">
        <v>165</v>
      </c>
      <c r="E29" s="315"/>
      <c r="F29" s="316"/>
    </row>
    <row r="30" spans="1:6" ht="15.75" customHeight="1">
      <c r="A30" s="315"/>
      <c r="B30" s="315"/>
      <c r="C30" s="315"/>
      <c r="D30" s="155" t="s">
        <v>163</v>
      </c>
      <c r="E30" s="315"/>
      <c r="F30" s="316"/>
    </row>
    <row r="31" spans="1:6" ht="15.75" customHeight="1">
      <c r="A31" s="315"/>
      <c r="B31" s="315"/>
      <c r="C31" s="315"/>
      <c r="D31" s="155" t="s">
        <v>164</v>
      </c>
      <c r="E31" s="315"/>
      <c r="F31" s="316"/>
    </row>
    <row r="32" spans="1:6" ht="15.75" customHeight="1">
      <c r="A32" s="315"/>
      <c r="B32" s="315"/>
      <c r="C32" s="315"/>
      <c r="D32" s="155" t="s">
        <v>165</v>
      </c>
      <c r="E32" s="315"/>
      <c r="F32" s="316"/>
    </row>
    <row r="33" spans="1:6" ht="15.75" customHeight="1">
      <c r="A33" s="315"/>
      <c r="B33" s="315"/>
      <c r="C33" s="315"/>
      <c r="D33" s="155" t="s">
        <v>163</v>
      </c>
      <c r="E33" s="315"/>
      <c r="F33" s="316"/>
    </row>
    <row r="34" spans="1:6" ht="15.75" customHeight="1">
      <c r="A34" s="315"/>
      <c r="B34" s="315"/>
      <c r="C34" s="315"/>
      <c r="D34" s="155" t="s">
        <v>164</v>
      </c>
      <c r="E34" s="315"/>
      <c r="F34" s="316"/>
    </row>
    <row r="35" spans="1:6" ht="15.75" customHeight="1">
      <c r="A35" s="315"/>
      <c r="B35" s="315"/>
      <c r="C35" s="315"/>
      <c r="D35" s="155" t="s">
        <v>165</v>
      </c>
      <c r="E35" s="315"/>
      <c r="F35" s="316"/>
    </row>
    <row r="36" spans="1:6" ht="15.75" customHeight="1">
      <c r="A36" s="315"/>
      <c r="B36" s="315"/>
      <c r="C36" s="315"/>
      <c r="D36" s="155" t="s">
        <v>163</v>
      </c>
      <c r="E36" s="315"/>
      <c r="F36" s="316"/>
    </row>
    <row r="37" spans="1:6" ht="15.75" customHeight="1">
      <c r="A37" s="315"/>
      <c r="B37" s="315"/>
      <c r="C37" s="315"/>
      <c r="D37" s="155" t="s">
        <v>164</v>
      </c>
      <c r="E37" s="315"/>
      <c r="F37" s="316"/>
    </row>
    <row r="38" spans="1:6" ht="15.75" customHeight="1">
      <c r="A38" s="315"/>
      <c r="B38" s="315"/>
      <c r="C38" s="315"/>
      <c r="D38" s="155" t="s">
        <v>165</v>
      </c>
      <c r="E38" s="315"/>
      <c r="F38" s="316"/>
    </row>
    <row r="39" spans="1:6" ht="15.75" customHeight="1">
      <c r="A39" s="315"/>
      <c r="B39" s="315"/>
      <c r="C39" s="315"/>
      <c r="D39" s="155" t="s">
        <v>163</v>
      </c>
      <c r="E39" s="315"/>
      <c r="F39" s="316"/>
    </row>
    <row r="40" spans="1:6" ht="15.75" customHeight="1">
      <c r="A40" s="315"/>
      <c r="B40" s="315"/>
      <c r="C40" s="315"/>
      <c r="D40" s="155" t="s">
        <v>164</v>
      </c>
      <c r="E40" s="315"/>
      <c r="F40" s="316"/>
    </row>
    <row r="41" spans="1:6" ht="15.75" customHeight="1">
      <c r="A41" s="315"/>
      <c r="B41" s="315"/>
      <c r="C41" s="315"/>
      <c r="D41" s="155" t="s">
        <v>165</v>
      </c>
      <c r="E41" s="315"/>
      <c r="F41" s="316"/>
    </row>
    <row r="42" spans="1:6" ht="15.75" customHeight="1">
      <c r="A42" s="315"/>
      <c r="B42" s="315"/>
      <c r="C42" s="315"/>
      <c r="D42" s="155" t="s">
        <v>163</v>
      </c>
      <c r="E42" s="315"/>
      <c r="F42" s="316"/>
    </row>
    <row r="43" spans="1:6" ht="15.75" customHeight="1">
      <c r="A43" s="315"/>
      <c r="B43" s="315"/>
      <c r="C43" s="315"/>
      <c r="D43" s="155" t="s">
        <v>164</v>
      </c>
      <c r="E43" s="315"/>
      <c r="F43" s="316"/>
    </row>
    <row r="45" spans="1:6" ht="36.75" customHeight="1">
      <c r="A45" s="314" t="s">
        <v>159</v>
      </c>
      <c r="B45" s="314"/>
      <c r="C45" s="314"/>
      <c r="D45" s="314"/>
      <c r="E45" s="314"/>
      <c r="F45" s="314"/>
    </row>
    <row r="46" spans="1:6" ht="28.5" customHeight="1">
      <c r="A46" s="153"/>
      <c r="B46" s="153"/>
      <c r="C46" s="153"/>
      <c r="D46" s="150" t="s">
        <v>160</v>
      </c>
      <c r="E46" s="153"/>
      <c r="F46" s="154"/>
    </row>
    <row r="47" spans="1:6" ht="28.5" customHeight="1">
      <c r="A47" s="153"/>
      <c r="B47" s="153"/>
      <c r="C47" s="153"/>
      <c r="D47" s="150" t="s">
        <v>161</v>
      </c>
      <c r="E47" s="153"/>
      <c r="F47" s="154"/>
    </row>
    <row r="48" spans="1:6">
      <c r="A48" s="153"/>
      <c r="F48" s="154"/>
    </row>
  </sheetData>
  <mergeCells count="66">
    <mergeCell ref="A8:A10"/>
    <mergeCell ref="B8:B10"/>
    <mergeCell ref="C8:C10"/>
    <mergeCell ref="E8:E10"/>
    <mergeCell ref="F8:F10"/>
    <mergeCell ref="A2:F2"/>
    <mergeCell ref="A6:A7"/>
    <mergeCell ref="B6:B7"/>
    <mergeCell ref="C6:C7"/>
    <mergeCell ref="F6:F7"/>
    <mergeCell ref="A14:A16"/>
    <mergeCell ref="B14:B16"/>
    <mergeCell ref="C14:C16"/>
    <mergeCell ref="E14:E16"/>
    <mergeCell ref="F14:F16"/>
    <mergeCell ref="A11:A13"/>
    <mergeCell ref="B11:B13"/>
    <mergeCell ref="C11:C13"/>
    <mergeCell ref="E11:E13"/>
    <mergeCell ref="F11:F13"/>
    <mergeCell ref="A20:A22"/>
    <mergeCell ref="B20:B22"/>
    <mergeCell ref="C20:C22"/>
    <mergeCell ref="E20:E22"/>
    <mergeCell ref="F20:F22"/>
    <mergeCell ref="A17:A19"/>
    <mergeCell ref="B17:B19"/>
    <mergeCell ref="C17:C19"/>
    <mergeCell ref="E17:E19"/>
    <mergeCell ref="F17:F19"/>
    <mergeCell ref="A26:A28"/>
    <mergeCell ref="B26:B28"/>
    <mergeCell ref="C26:C28"/>
    <mergeCell ref="E26:E28"/>
    <mergeCell ref="F26:F28"/>
    <mergeCell ref="A23:A25"/>
    <mergeCell ref="B23:B25"/>
    <mergeCell ref="C23:C25"/>
    <mergeCell ref="E23:E25"/>
    <mergeCell ref="F23:F25"/>
    <mergeCell ref="A32:A34"/>
    <mergeCell ref="B32:B34"/>
    <mergeCell ref="C32:C34"/>
    <mergeCell ref="E32:E34"/>
    <mergeCell ref="F32:F34"/>
    <mergeCell ref="A29:A31"/>
    <mergeCell ref="B29:B31"/>
    <mergeCell ref="C29:C31"/>
    <mergeCell ref="E29:E31"/>
    <mergeCell ref="F29:F31"/>
    <mergeCell ref="A45:F45"/>
    <mergeCell ref="A35:A37"/>
    <mergeCell ref="B35:B37"/>
    <mergeCell ref="C35:C37"/>
    <mergeCell ref="E35:E37"/>
    <mergeCell ref="F35:F37"/>
    <mergeCell ref="A38:A40"/>
    <mergeCell ref="B38:B40"/>
    <mergeCell ref="C38:C40"/>
    <mergeCell ref="E38:E40"/>
    <mergeCell ref="F38:F40"/>
    <mergeCell ref="A41:A43"/>
    <mergeCell ref="B41:B43"/>
    <mergeCell ref="C41:C43"/>
    <mergeCell ref="E41:E43"/>
    <mergeCell ref="F41:F43"/>
  </mergeCells>
  <phoneticPr fontId="6"/>
  <pageMargins left="0.78740157480314965" right="0.78740157480314965" top="0.59055118110236227" bottom="0.59055118110236227" header="0.31496062992125984" footer="0.51181102362204722"/>
  <pageSetup paperSize="9"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H43"/>
  <sheetViews>
    <sheetView view="pageBreakPreview" zoomScale="115" zoomScaleNormal="100" zoomScaleSheetLayoutView="115" workbookViewId="0"/>
  </sheetViews>
  <sheetFormatPr defaultRowHeight="14.25"/>
  <cols>
    <col min="1" max="1" width="5" style="91" customWidth="1"/>
    <col min="2" max="2" width="14.5" style="91" customWidth="1"/>
    <col min="3" max="3" width="11.125" style="91" customWidth="1"/>
    <col min="4" max="4" width="8.375" style="91" customWidth="1"/>
    <col min="5" max="5" width="6.125" style="91" customWidth="1"/>
    <col min="6" max="6" width="1.75" style="91" customWidth="1"/>
    <col min="7" max="7" width="7.25" style="91" customWidth="1"/>
    <col min="8" max="8" width="4.125" style="91" customWidth="1"/>
    <col min="9" max="9" width="1.75" style="91" customWidth="1"/>
    <col min="10" max="10" width="8.875" style="91"/>
    <col min="11" max="11" width="5" style="91" customWidth="1"/>
    <col min="12" max="12" width="1.625" style="91" customWidth="1"/>
    <col min="13" max="13" width="3.875" style="91" customWidth="1"/>
    <col min="14" max="14" width="2.125" style="91" customWidth="1"/>
    <col min="15" max="16" width="4" style="91" customWidth="1"/>
    <col min="17" max="17" width="6.625" style="91" customWidth="1"/>
    <col min="18" max="18" width="1.5" style="91" customWidth="1"/>
    <col min="19" max="19" width="2.25" style="92" customWidth="1"/>
    <col min="20" max="20" width="72.5" style="93" customWidth="1"/>
    <col min="21" max="30" width="8.875" style="91"/>
    <col min="31" max="32" width="10" style="91" hidden="1" customWidth="1"/>
    <col min="33" max="33" width="68" style="91" hidden="1" customWidth="1"/>
    <col min="34" max="34" width="10" style="91" hidden="1" customWidth="1"/>
    <col min="35" max="42" width="10" style="91" customWidth="1"/>
    <col min="43" max="249" width="8.875" style="91"/>
    <col min="250" max="250" width="7.5" style="91" customWidth="1"/>
    <col min="251" max="251" width="16" style="91" customWidth="1"/>
    <col min="252" max="252" width="12.25" style="91" customWidth="1"/>
    <col min="253" max="253" width="6.125" style="91" customWidth="1"/>
    <col min="254" max="254" width="1.75" style="91" customWidth="1"/>
    <col min="255" max="255" width="7.25" style="91" customWidth="1"/>
    <col min="256" max="256" width="4.125" style="91" customWidth="1"/>
    <col min="257" max="257" width="5.75" style="91" customWidth="1"/>
    <col min="258" max="258" width="1.75" style="91" customWidth="1"/>
    <col min="259" max="259" width="8.875" style="91"/>
    <col min="260" max="260" width="5" style="91" customWidth="1"/>
    <col min="261" max="261" width="1.625" style="91" customWidth="1"/>
    <col min="262" max="262" width="3.875" style="91" customWidth="1"/>
    <col min="263" max="263" width="2.125" style="91" customWidth="1"/>
    <col min="264" max="265" width="4" style="91" customWidth="1"/>
    <col min="266" max="266" width="13.75" style="91" customWidth="1"/>
    <col min="267" max="267" width="1.5" style="91" customWidth="1"/>
    <col min="268" max="268" width="3.5" style="91" customWidth="1"/>
    <col min="269" max="269" width="1.625" style="91" customWidth="1"/>
    <col min="270" max="270" width="72.5" style="91" customWidth="1"/>
    <col min="271" max="271" width="8.375" style="91" customWidth="1"/>
    <col min="272" max="275" width="0" style="91" hidden="1" customWidth="1"/>
    <col min="276" max="286" width="8.875" style="91"/>
    <col min="287" max="290" width="0" style="91" hidden="1" customWidth="1"/>
    <col min="291" max="298" width="10" style="91" customWidth="1"/>
    <col min="299" max="505" width="8.875" style="91"/>
    <col min="506" max="506" width="7.5" style="91" customWidth="1"/>
    <col min="507" max="507" width="16" style="91" customWidth="1"/>
    <col min="508" max="508" width="12.25" style="91" customWidth="1"/>
    <col min="509" max="509" width="6.125" style="91" customWidth="1"/>
    <col min="510" max="510" width="1.75" style="91" customWidth="1"/>
    <col min="511" max="511" width="7.25" style="91" customWidth="1"/>
    <col min="512" max="512" width="4.125" style="91" customWidth="1"/>
    <col min="513" max="513" width="5.75" style="91" customWidth="1"/>
    <col min="514" max="514" width="1.75" style="91" customWidth="1"/>
    <col min="515" max="515" width="8.875" style="91"/>
    <col min="516" max="516" width="5" style="91" customWidth="1"/>
    <col min="517" max="517" width="1.625" style="91" customWidth="1"/>
    <col min="518" max="518" width="3.875" style="91" customWidth="1"/>
    <col min="519" max="519" width="2.125" style="91" customWidth="1"/>
    <col min="520" max="521" width="4" style="91" customWidth="1"/>
    <col min="522" max="522" width="13.75" style="91" customWidth="1"/>
    <col min="523" max="523" width="1.5" style="91" customWidth="1"/>
    <col min="524" max="524" width="3.5" style="91" customWidth="1"/>
    <col min="525" max="525" width="1.625" style="91" customWidth="1"/>
    <col min="526" max="526" width="72.5" style="91" customWidth="1"/>
    <col min="527" max="527" width="8.375" style="91" customWidth="1"/>
    <col min="528" max="531" width="0" style="91" hidden="1" customWidth="1"/>
    <col min="532" max="542" width="8.875" style="91"/>
    <col min="543" max="546" width="0" style="91" hidden="1" customWidth="1"/>
    <col min="547" max="554" width="10" style="91" customWidth="1"/>
    <col min="555" max="761" width="8.875" style="91"/>
    <col min="762" max="762" width="7.5" style="91" customWidth="1"/>
    <col min="763" max="763" width="16" style="91" customWidth="1"/>
    <col min="764" max="764" width="12.25" style="91" customWidth="1"/>
    <col min="765" max="765" width="6.125" style="91" customWidth="1"/>
    <col min="766" max="766" width="1.75" style="91" customWidth="1"/>
    <col min="767" max="767" width="7.25" style="91" customWidth="1"/>
    <col min="768" max="768" width="4.125" style="91" customWidth="1"/>
    <col min="769" max="769" width="5.75" style="91" customWidth="1"/>
    <col min="770" max="770" width="1.75" style="91" customWidth="1"/>
    <col min="771" max="771" width="8.875" style="91"/>
    <col min="772" max="772" width="5" style="91" customWidth="1"/>
    <col min="773" max="773" width="1.625" style="91" customWidth="1"/>
    <col min="774" max="774" width="3.875" style="91" customWidth="1"/>
    <col min="775" max="775" width="2.125" style="91" customWidth="1"/>
    <col min="776" max="777" width="4" style="91" customWidth="1"/>
    <col min="778" max="778" width="13.75" style="91" customWidth="1"/>
    <col min="779" max="779" width="1.5" style="91" customWidth="1"/>
    <col min="780" max="780" width="3.5" style="91" customWidth="1"/>
    <col min="781" max="781" width="1.625" style="91" customWidth="1"/>
    <col min="782" max="782" width="72.5" style="91" customWidth="1"/>
    <col min="783" max="783" width="8.375" style="91" customWidth="1"/>
    <col min="784" max="787" width="0" style="91" hidden="1" customWidth="1"/>
    <col min="788" max="798" width="8.875" style="91"/>
    <col min="799" max="802" width="0" style="91" hidden="1" customWidth="1"/>
    <col min="803" max="810" width="10" style="91" customWidth="1"/>
    <col min="811" max="1017" width="8.875" style="91"/>
    <col min="1018" max="1018" width="7.5" style="91" customWidth="1"/>
    <col min="1019" max="1019" width="16" style="91" customWidth="1"/>
    <col min="1020" max="1020" width="12.25" style="91" customWidth="1"/>
    <col min="1021" max="1021" width="6.125" style="91" customWidth="1"/>
    <col min="1022" max="1022" width="1.75" style="91" customWidth="1"/>
    <col min="1023" max="1023" width="7.25" style="91" customWidth="1"/>
    <col min="1024" max="1024" width="4.125" style="91" customWidth="1"/>
    <col min="1025" max="1025" width="5.75" style="91" customWidth="1"/>
    <col min="1026" max="1026" width="1.75" style="91" customWidth="1"/>
    <col min="1027" max="1027" width="8.875" style="91"/>
    <col min="1028" max="1028" width="5" style="91" customWidth="1"/>
    <col min="1029" max="1029" width="1.625" style="91" customWidth="1"/>
    <col min="1030" max="1030" width="3.875" style="91" customWidth="1"/>
    <col min="1031" max="1031" width="2.125" style="91" customWidth="1"/>
    <col min="1032" max="1033" width="4" style="91" customWidth="1"/>
    <col min="1034" max="1034" width="13.75" style="91" customWidth="1"/>
    <col min="1035" max="1035" width="1.5" style="91" customWidth="1"/>
    <col min="1036" max="1036" width="3.5" style="91" customWidth="1"/>
    <col min="1037" max="1037" width="1.625" style="91" customWidth="1"/>
    <col min="1038" max="1038" width="72.5" style="91" customWidth="1"/>
    <col min="1039" max="1039" width="8.375" style="91" customWidth="1"/>
    <col min="1040" max="1043" width="0" style="91" hidden="1" customWidth="1"/>
    <col min="1044" max="1054" width="8.875" style="91"/>
    <col min="1055" max="1058" width="0" style="91" hidden="1" customWidth="1"/>
    <col min="1059" max="1066" width="10" style="91" customWidth="1"/>
    <col min="1067" max="1273" width="8.875" style="91"/>
    <col min="1274" max="1274" width="7.5" style="91" customWidth="1"/>
    <col min="1275" max="1275" width="16" style="91" customWidth="1"/>
    <col min="1276" max="1276" width="12.25" style="91" customWidth="1"/>
    <col min="1277" max="1277" width="6.125" style="91" customWidth="1"/>
    <col min="1278" max="1278" width="1.75" style="91" customWidth="1"/>
    <col min="1279" max="1279" width="7.25" style="91" customWidth="1"/>
    <col min="1280" max="1280" width="4.125" style="91" customWidth="1"/>
    <col min="1281" max="1281" width="5.75" style="91" customWidth="1"/>
    <col min="1282" max="1282" width="1.75" style="91" customWidth="1"/>
    <col min="1283" max="1283" width="8.875" style="91"/>
    <col min="1284" max="1284" width="5" style="91" customWidth="1"/>
    <col min="1285" max="1285" width="1.625" style="91" customWidth="1"/>
    <col min="1286" max="1286" width="3.875" style="91" customWidth="1"/>
    <col min="1287" max="1287" width="2.125" style="91" customWidth="1"/>
    <col min="1288" max="1289" width="4" style="91" customWidth="1"/>
    <col min="1290" max="1290" width="13.75" style="91" customWidth="1"/>
    <col min="1291" max="1291" width="1.5" style="91" customWidth="1"/>
    <col min="1292" max="1292" width="3.5" style="91" customWidth="1"/>
    <col min="1293" max="1293" width="1.625" style="91" customWidth="1"/>
    <col min="1294" max="1294" width="72.5" style="91" customWidth="1"/>
    <col min="1295" max="1295" width="8.375" style="91" customWidth="1"/>
    <col min="1296" max="1299" width="0" style="91" hidden="1" customWidth="1"/>
    <col min="1300" max="1310" width="8.875" style="91"/>
    <col min="1311" max="1314" width="0" style="91" hidden="1" customWidth="1"/>
    <col min="1315" max="1322" width="10" style="91" customWidth="1"/>
    <col min="1323" max="1529" width="8.875" style="91"/>
    <col min="1530" max="1530" width="7.5" style="91" customWidth="1"/>
    <col min="1531" max="1531" width="16" style="91" customWidth="1"/>
    <col min="1532" max="1532" width="12.25" style="91" customWidth="1"/>
    <col min="1533" max="1533" width="6.125" style="91" customWidth="1"/>
    <col min="1534" max="1534" width="1.75" style="91" customWidth="1"/>
    <col min="1535" max="1535" width="7.25" style="91" customWidth="1"/>
    <col min="1536" max="1536" width="4.125" style="91" customWidth="1"/>
    <col min="1537" max="1537" width="5.75" style="91" customWidth="1"/>
    <col min="1538" max="1538" width="1.75" style="91" customWidth="1"/>
    <col min="1539" max="1539" width="8.875" style="91"/>
    <col min="1540" max="1540" width="5" style="91" customWidth="1"/>
    <col min="1541" max="1541" width="1.625" style="91" customWidth="1"/>
    <col min="1542" max="1542" width="3.875" style="91" customWidth="1"/>
    <col min="1543" max="1543" width="2.125" style="91" customWidth="1"/>
    <col min="1544" max="1545" width="4" style="91" customWidth="1"/>
    <col min="1546" max="1546" width="13.75" style="91" customWidth="1"/>
    <col min="1547" max="1547" width="1.5" style="91" customWidth="1"/>
    <col min="1548" max="1548" width="3.5" style="91" customWidth="1"/>
    <col min="1549" max="1549" width="1.625" style="91" customWidth="1"/>
    <col min="1550" max="1550" width="72.5" style="91" customWidth="1"/>
    <col min="1551" max="1551" width="8.375" style="91" customWidth="1"/>
    <col min="1552" max="1555" width="0" style="91" hidden="1" customWidth="1"/>
    <col min="1556" max="1566" width="8.875" style="91"/>
    <col min="1567" max="1570" width="0" style="91" hidden="1" customWidth="1"/>
    <col min="1571" max="1578" width="10" style="91" customWidth="1"/>
    <col min="1579" max="1785" width="8.875" style="91"/>
    <col min="1786" max="1786" width="7.5" style="91" customWidth="1"/>
    <col min="1787" max="1787" width="16" style="91" customWidth="1"/>
    <col min="1788" max="1788" width="12.25" style="91" customWidth="1"/>
    <col min="1789" max="1789" width="6.125" style="91" customWidth="1"/>
    <col min="1790" max="1790" width="1.75" style="91" customWidth="1"/>
    <col min="1791" max="1791" width="7.25" style="91" customWidth="1"/>
    <col min="1792" max="1792" width="4.125" style="91" customWidth="1"/>
    <col min="1793" max="1793" width="5.75" style="91" customWidth="1"/>
    <col min="1794" max="1794" width="1.75" style="91" customWidth="1"/>
    <col min="1795" max="1795" width="8.875" style="91"/>
    <col min="1796" max="1796" width="5" style="91" customWidth="1"/>
    <col min="1797" max="1797" width="1.625" style="91" customWidth="1"/>
    <col min="1798" max="1798" width="3.875" style="91" customWidth="1"/>
    <col min="1799" max="1799" width="2.125" style="91" customWidth="1"/>
    <col min="1800" max="1801" width="4" style="91" customWidth="1"/>
    <col min="1802" max="1802" width="13.75" style="91" customWidth="1"/>
    <col min="1803" max="1803" width="1.5" style="91" customWidth="1"/>
    <col min="1804" max="1804" width="3.5" style="91" customWidth="1"/>
    <col min="1805" max="1805" width="1.625" style="91" customWidth="1"/>
    <col min="1806" max="1806" width="72.5" style="91" customWidth="1"/>
    <col min="1807" max="1807" width="8.375" style="91" customWidth="1"/>
    <col min="1808" max="1811" width="0" style="91" hidden="1" customWidth="1"/>
    <col min="1812" max="1822" width="8.875" style="91"/>
    <col min="1823" max="1826" width="0" style="91" hidden="1" customWidth="1"/>
    <col min="1827" max="1834" width="10" style="91" customWidth="1"/>
    <col min="1835" max="2041" width="8.875" style="91"/>
    <col min="2042" max="2042" width="7.5" style="91" customWidth="1"/>
    <col min="2043" max="2043" width="16" style="91" customWidth="1"/>
    <col min="2044" max="2044" width="12.25" style="91" customWidth="1"/>
    <col min="2045" max="2045" width="6.125" style="91" customWidth="1"/>
    <col min="2046" max="2046" width="1.75" style="91" customWidth="1"/>
    <col min="2047" max="2047" width="7.25" style="91" customWidth="1"/>
    <col min="2048" max="2048" width="4.125" style="91" customWidth="1"/>
    <col min="2049" max="2049" width="5.75" style="91" customWidth="1"/>
    <col min="2050" max="2050" width="1.75" style="91" customWidth="1"/>
    <col min="2051" max="2051" width="8.875" style="91"/>
    <col min="2052" max="2052" width="5" style="91" customWidth="1"/>
    <col min="2053" max="2053" width="1.625" style="91" customWidth="1"/>
    <col min="2054" max="2054" width="3.875" style="91" customWidth="1"/>
    <col min="2055" max="2055" width="2.125" style="91" customWidth="1"/>
    <col min="2056" max="2057" width="4" style="91" customWidth="1"/>
    <col min="2058" max="2058" width="13.75" style="91" customWidth="1"/>
    <col min="2059" max="2059" width="1.5" style="91" customWidth="1"/>
    <col min="2060" max="2060" width="3.5" style="91" customWidth="1"/>
    <col min="2061" max="2061" width="1.625" style="91" customWidth="1"/>
    <col min="2062" max="2062" width="72.5" style="91" customWidth="1"/>
    <col min="2063" max="2063" width="8.375" style="91" customWidth="1"/>
    <col min="2064" max="2067" width="0" style="91" hidden="1" customWidth="1"/>
    <col min="2068" max="2078" width="8.875" style="91"/>
    <col min="2079" max="2082" width="0" style="91" hidden="1" customWidth="1"/>
    <col min="2083" max="2090" width="10" style="91" customWidth="1"/>
    <col min="2091" max="2297" width="8.875" style="91"/>
    <col min="2298" max="2298" width="7.5" style="91" customWidth="1"/>
    <col min="2299" max="2299" width="16" style="91" customWidth="1"/>
    <col min="2300" max="2300" width="12.25" style="91" customWidth="1"/>
    <col min="2301" max="2301" width="6.125" style="91" customWidth="1"/>
    <col min="2302" max="2302" width="1.75" style="91" customWidth="1"/>
    <col min="2303" max="2303" width="7.25" style="91" customWidth="1"/>
    <col min="2304" max="2304" width="4.125" style="91" customWidth="1"/>
    <col min="2305" max="2305" width="5.75" style="91" customWidth="1"/>
    <col min="2306" max="2306" width="1.75" style="91" customWidth="1"/>
    <col min="2307" max="2307" width="8.875" style="91"/>
    <col min="2308" max="2308" width="5" style="91" customWidth="1"/>
    <col min="2309" max="2309" width="1.625" style="91" customWidth="1"/>
    <col min="2310" max="2310" width="3.875" style="91" customWidth="1"/>
    <col min="2311" max="2311" width="2.125" style="91" customWidth="1"/>
    <col min="2312" max="2313" width="4" style="91" customWidth="1"/>
    <col min="2314" max="2314" width="13.75" style="91" customWidth="1"/>
    <col min="2315" max="2315" width="1.5" style="91" customWidth="1"/>
    <col min="2316" max="2316" width="3.5" style="91" customWidth="1"/>
    <col min="2317" max="2317" width="1.625" style="91" customWidth="1"/>
    <col min="2318" max="2318" width="72.5" style="91" customWidth="1"/>
    <col min="2319" max="2319" width="8.375" style="91" customWidth="1"/>
    <col min="2320" max="2323" width="0" style="91" hidden="1" customWidth="1"/>
    <col min="2324" max="2334" width="8.875" style="91"/>
    <col min="2335" max="2338" width="0" style="91" hidden="1" customWidth="1"/>
    <col min="2339" max="2346" width="10" style="91" customWidth="1"/>
    <col min="2347" max="2553" width="8.875" style="91"/>
    <col min="2554" max="2554" width="7.5" style="91" customWidth="1"/>
    <col min="2555" max="2555" width="16" style="91" customWidth="1"/>
    <col min="2556" max="2556" width="12.25" style="91" customWidth="1"/>
    <col min="2557" max="2557" width="6.125" style="91" customWidth="1"/>
    <col min="2558" max="2558" width="1.75" style="91" customWidth="1"/>
    <col min="2559" max="2559" width="7.25" style="91" customWidth="1"/>
    <col min="2560" max="2560" width="4.125" style="91" customWidth="1"/>
    <col min="2561" max="2561" width="5.75" style="91" customWidth="1"/>
    <col min="2562" max="2562" width="1.75" style="91" customWidth="1"/>
    <col min="2563" max="2563" width="8.875" style="91"/>
    <col min="2564" max="2564" width="5" style="91" customWidth="1"/>
    <col min="2565" max="2565" width="1.625" style="91" customWidth="1"/>
    <col min="2566" max="2566" width="3.875" style="91" customWidth="1"/>
    <col min="2567" max="2567" width="2.125" style="91" customWidth="1"/>
    <col min="2568" max="2569" width="4" style="91" customWidth="1"/>
    <col min="2570" max="2570" width="13.75" style="91" customWidth="1"/>
    <col min="2571" max="2571" width="1.5" style="91" customWidth="1"/>
    <col min="2572" max="2572" width="3.5" style="91" customWidth="1"/>
    <col min="2573" max="2573" width="1.625" style="91" customWidth="1"/>
    <col min="2574" max="2574" width="72.5" style="91" customWidth="1"/>
    <col min="2575" max="2575" width="8.375" style="91" customWidth="1"/>
    <col min="2576" max="2579" width="0" style="91" hidden="1" customWidth="1"/>
    <col min="2580" max="2590" width="8.875" style="91"/>
    <col min="2591" max="2594" width="0" style="91" hidden="1" customWidth="1"/>
    <col min="2595" max="2602" width="10" style="91" customWidth="1"/>
    <col min="2603" max="2809" width="8.875" style="91"/>
    <col min="2810" max="2810" width="7.5" style="91" customWidth="1"/>
    <col min="2811" max="2811" width="16" style="91" customWidth="1"/>
    <col min="2812" max="2812" width="12.25" style="91" customWidth="1"/>
    <col min="2813" max="2813" width="6.125" style="91" customWidth="1"/>
    <col min="2814" max="2814" width="1.75" style="91" customWidth="1"/>
    <col min="2815" max="2815" width="7.25" style="91" customWidth="1"/>
    <col min="2816" max="2816" width="4.125" style="91" customWidth="1"/>
    <col min="2817" max="2817" width="5.75" style="91" customWidth="1"/>
    <col min="2818" max="2818" width="1.75" style="91" customWidth="1"/>
    <col min="2819" max="2819" width="8.875" style="91"/>
    <col min="2820" max="2820" width="5" style="91" customWidth="1"/>
    <col min="2821" max="2821" width="1.625" style="91" customWidth="1"/>
    <col min="2822" max="2822" width="3.875" style="91" customWidth="1"/>
    <col min="2823" max="2823" width="2.125" style="91" customWidth="1"/>
    <col min="2824" max="2825" width="4" style="91" customWidth="1"/>
    <col min="2826" max="2826" width="13.75" style="91" customWidth="1"/>
    <col min="2827" max="2827" width="1.5" style="91" customWidth="1"/>
    <col min="2828" max="2828" width="3.5" style="91" customWidth="1"/>
    <col min="2829" max="2829" width="1.625" style="91" customWidth="1"/>
    <col min="2830" max="2830" width="72.5" style="91" customWidth="1"/>
    <col min="2831" max="2831" width="8.375" style="91" customWidth="1"/>
    <col min="2832" max="2835" width="0" style="91" hidden="1" customWidth="1"/>
    <col min="2836" max="2846" width="8.875" style="91"/>
    <col min="2847" max="2850" width="0" style="91" hidden="1" customWidth="1"/>
    <col min="2851" max="2858" width="10" style="91" customWidth="1"/>
    <col min="2859" max="3065" width="8.875" style="91"/>
    <col min="3066" max="3066" width="7.5" style="91" customWidth="1"/>
    <col min="3067" max="3067" width="16" style="91" customWidth="1"/>
    <col min="3068" max="3068" width="12.25" style="91" customWidth="1"/>
    <col min="3069" max="3069" width="6.125" style="91" customWidth="1"/>
    <col min="3070" max="3070" width="1.75" style="91" customWidth="1"/>
    <col min="3071" max="3071" width="7.25" style="91" customWidth="1"/>
    <col min="3072" max="3072" width="4.125" style="91" customWidth="1"/>
    <col min="3073" max="3073" width="5.75" style="91" customWidth="1"/>
    <col min="3074" max="3074" width="1.75" style="91" customWidth="1"/>
    <col min="3075" max="3075" width="8.875" style="91"/>
    <col min="3076" max="3076" width="5" style="91" customWidth="1"/>
    <col min="3077" max="3077" width="1.625" style="91" customWidth="1"/>
    <col min="3078" max="3078" width="3.875" style="91" customWidth="1"/>
    <col min="3079" max="3079" width="2.125" style="91" customWidth="1"/>
    <col min="3080" max="3081" width="4" style="91" customWidth="1"/>
    <col min="3082" max="3082" width="13.75" style="91" customWidth="1"/>
    <col min="3083" max="3083" width="1.5" style="91" customWidth="1"/>
    <col min="3084" max="3084" width="3.5" style="91" customWidth="1"/>
    <col min="3085" max="3085" width="1.625" style="91" customWidth="1"/>
    <col min="3086" max="3086" width="72.5" style="91" customWidth="1"/>
    <col min="3087" max="3087" width="8.375" style="91" customWidth="1"/>
    <col min="3088" max="3091" width="0" style="91" hidden="1" customWidth="1"/>
    <col min="3092" max="3102" width="8.875" style="91"/>
    <col min="3103" max="3106" width="0" style="91" hidden="1" customWidth="1"/>
    <col min="3107" max="3114" width="10" style="91" customWidth="1"/>
    <col min="3115" max="3321" width="8.875" style="91"/>
    <col min="3322" max="3322" width="7.5" style="91" customWidth="1"/>
    <col min="3323" max="3323" width="16" style="91" customWidth="1"/>
    <col min="3324" max="3324" width="12.25" style="91" customWidth="1"/>
    <col min="3325" max="3325" width="6.125" style="91" customWidth="1"/>
    <col min="3326" max="3326" width="1.75" style="91" customWidth="1"/>
    <col min="3327" max="3327" width="7.25" style="91" customWidth="1"/>
    <col min="3328" max="3328" width="4.125" style="91" customWidth="1"/>
    <col min="3329" max="3329" width="5.75" style="91" customWidth="1"/>
    <col min="3330" max="3330" width="1.75" style="91" customWidth="1"/>
    <col min="3331" max="3331" width="8.875" style="91"/>
    <col min="3332" max="3332" width="5" style="91" customWidth="1"/>
    <col min="3333" max="3333" width="1.625" style="91" customWidth="1"/>
    <col min="3334" max="3334" width="3.875" style="91" customWidth="1"/>
    <col min="3335" max="3335" width="2.125" style="91" customWidth="1"/>
    <col min="3336" max="3337" width="4" style="91" customWidth="1"/>
    <col min="3338" max="3338" width="13.75" style="91" customWidth="1"/>
    <col min="3339" max="3339" width="1.5" style="91" customWidth="1"/>
    <col min="3340" max="3340" width="3.5" style="91" customWidth="1"/>
    <col min="3341" max="3341" width="1.625" style="91" customWidth="1"/>
    <col min="3342" max="3342" width="72.5" style="91" customWidth="1"/>
    <col min="3343" max="3343" width="8.375" style="91" customWidth="1"/>
    <col min="3344" max="3347" width="0" style="91" hidden="1" customWidth="1"/>
    <col min="3348" max="3358" width="8.875" style="91"/>
    <col min="3359" max="3362" width="0" style="91" hidden="1" customWidth="1"/>
    <col min="3363" max="3370" width="10" style="91" customWidth="1"/>
    <col min="3371" max="3577" width="8.875" style="91"/>
    <col min="3578" max="3578" width="7.5" style="91" customWidth="1"/>
    <col min="3579" max="3579" width="16" style="91" customWidth="1"/>
    <col min="3580" max="3580" width="12.25" style="91" customWidth="1"/>
    <col min="3581" max="3581" width="6.125" style="91" customWidth="1"/>
    <col min="3582" max="3582" width="1.75" style="91" customWidth="1"/>
    <col min="3583" max="3583" width="7.25" style="91" customWidth="1"/>
    <col min="3584" max="3584" width="4.125" style="91" customWidth="1"/>
    <col min="3585" max="3585" width="5.75" style="91" customWidth="1"/>
    <col min="3586" max="3586" width="1.75" style="91" customWidth="1"/>
    <col min="3587" max="3587" width="8.875" style="91"/>
    <col min="3588" max="3588" width="5" style="91" customWidth="1"/>
    <col min="3589" max="3589" width="1.625" style="91" customWidth="1"/>
    <col min="3590" max="3590" width="3.875" style="91" customWidth="1"/>
    <col min="3591" max="3591" width="2.125" style="91" customWidth="1"/>
    <col min="3592" max="3593" width="4" style="91" customWidth="1"/>
    <col min="3594" max="3594" width="13.75" style="91" customWidth="1"/>
    <col min="3595" max="3595" width="1.5" style="91" customWidth="1"/>
    <col min="3596" max="3596" width="3.5" style="91" customWidth="1"/>
    <col min="3597" max="3597" width="1.625" style="91" customWidth="1"/>
    <col min="3598" max="3598" width="72.5" style="91" customWidth="1"/>
    <col min="3599" max="3599" width="8.375" style="91" customWidth="1"/>
    <col min="3600" max="3603" width="0" style="91" hidden="1" customWidth="1"/>
    <col min="3604" max="3614" width="8.875" style="91"/>
    <col min="3615" max="3618" width="0" style="91" hidden="1" customWidth="1"/>
    <col min="3619" max="3626" width="10" style="91" customWidth="1"/>
    <col min="3627" max="3833" width="8.875" style="91"/>
    <col min="3834" max="3834" width="7.5" style="91" customWidth="1"/>
    <col min="3835" max="3835" width="16" style="91" customWidth="1"/>
    <col min="3836" max="3836" width="12.25" style="91" customWidth="1"/>
    <col min="3837" max="3837" width="6.125" style="91" customWidth="1"/>
    <col min="3838" max="3838" width="1.75" style="91" customWidth="1"/>
    <col min="3839" max="3839" width="7.25" style="91" customWidth="1"/>
    <col min="3840" max="3840" width="4.125" style="91" customWidth="1"/>
    <col min="3841" max="3841" width="5.75" style="91" customWidth="1"/>
    <col min="3842" max="3842" width="1.75" style="91" customWidth="1"/>
    <col min="3843" max="3843" width="8.875" style="91"/>
    <col min="3844" max="3844" width="5" style="91" customWidth="1"/>
    <col min="3845" max="3845" width="1.625" style="91" customWidth="1"/>
    <col min="3846" max="3846" width="3.875" style="91" customWidth="1"/>
    <col min="3847" max="3847" width="2.125" style="91" customWidth="1"/>
    <col min="3848" max="3849" width="4" style="91" customWidth="1"/>
    <col min="3850" max="3850" width="13.75" style="91" customWidth="1"/>
    <col min="3851" max="3851" width="1.5" style="91" customWidth="1"/>
    <col min="3852" max="3852" width="3.5" style="91" customWidth="1"/>
    <col min="3853" max="3853" width="1.625" style="91" customWidth="1"/>
    <col min="3854" max="3854" width="72.5" style="91" customWidth="1"/>
    <col min="3855" max="3855" width="8.375" style="91" customWidth="1"/>
    <col min="3856" max="3859" width="0" style="91" hidden="1" customWidth="1"/>
    <col min="3860" max="3870" width="8.875" style="91"/>
    <col min="3871" max="3874" width="0" style="91" hidden="1" customWidth="1"/>
    <col min="3875" max="3882" width="10" style="91" customWidth="1"/>
    <col min="3883" max="4089" width="8.875" style="91"/>
    <col min="4090" max="4090" width="7.5" style="91" customWidth="1"/>
    <col min="4091" max="4091" width="16" style="91" customWidth="1"/>
    <col min="4092" max="4092" width="12.25" style="91" customWidth="1"/>
    <col min="4093" max="4093" width="6.125" style="91" customWidth="1"/>
    <col min="4094" max="4094" width="1.75" style="91" customWidth="1"/>
    <col min="4095" max="4095" width="7.25" style="91" customWidth="1"/>
    <col min="4096" max="4096" width="4.125" style="91" customWidth="1"/>
    <col min="4097" max="4097" width="5.75" style="91" customWidth="1"/>
    <col min="4098" max="4098" width="1.75" style="91" customWidth="1"/>
    <col min="4099" max="4099" width="8.875" style="91"/>
    <col min="4100" max="4100" width="5" style="91" customWidth="1"/>
    <col min="4101" max="4101" width="1.625" style="91" customWidth="1"/>
    <col min="4102" max="4102" width="3.875" style="91" customWidth="1"/>
    <col min="4103" max="4103" width="2.125" style="91" customWidth="1"/>
    <col min="4104" max="4105" width="4" style="91" customWidth="1"/>
    <col min="4106" max="4106" width="13.75" style="91" customWidth="1"/>
    <col min="4107" max="4107" width="1.5" style="91" customWidth="1"/>
    <col min="4108" max="4108" width="3.5" style="91" customWidth="1"/>
    <col min="4109" max="4109" width="1.625" style="91" customWidth="1"/>
    <col min="4110" max="4110" width="72.5" style="91" customWidth="1"/>
    <col min="4111" max="4111" width="8.375" style="91" customWidth="1"/>
    <col min="4112" max="4115" width="0" style="91" hidden="1" customWidth="1"/>
    <col min="4116" max="4126" width="8.875" style="91"/>
    <col min="4127" max="4130" width="0" style="91" hidden="1" customWidth="1"/>
    <col min="4131" max="4138" width="10" style="91" customWidth="1"/>
    <col min="4139" max="4345" width="8.875" style="91"/>
    <col min="4346" max="4346" width="7.5" style="91" customWidth="1"/>
    <col min="4347" max="4347" width="16" style="91" customWidth="1"/>
    <col min="4348" max="4348" width="12.25" style="91" customWidth="1"/>
    <col min="4349" max="4349" width="6.125" style="91" customWidth="1"/>
    <col min="4350" max="4350" width="1.75" style="91" customWidth="1"/>
    <col min="4351" max="4351" width="7.25" style="91" customWidth="1"/>
    <col min="4352" max="4352" width="4.125" style="91" customWidth="1"/>
    <col min="4353" max="4353" width="5.75" style="91" customWidth="1"/>
    <col min="4354" max="4354" width="1.75" style="91" customWidth="1"/>
    <col min="4355" max="4355" width="8.875" style="91"/>
    <col min="4356" max="4356" width="5" style="91" customWidth="1"/>
    <col min="4357" max="4357" width="1.625" style="91" customWidth="1"/>
    <col min="4358" max="4358" width="3.875" style="91" customWidth="1"/>
    <col min="4359" max="4359" width="2.125" style="91" customWidth="1"/>
    <col min="4360" max="4361" width="4" style="91" customWidth="1"/>
    <col min="4362" max="4362" width="13.75" style="91" customWidth="1"/>
    <col min="4363" max="4363" width="1.5" style="91" customWidth="1"/>
    <col min="4364" max="4364" width="3.5" style="91" customWidth="1"/>
    <col min="4365" max="4365" width="1.625" style="91" customWidth="1"/>
    <col min="4366" max="4366" width="72.5" style="91" customWidth="1"/>
    <col min="4367" max="4367" width="8.375" style="91" customWidth="1"/>
    <col min="4368" max="4371" width="0" style="91" hidden="1" customWidth="1"/>
    <col min="4372" max="4382" width="8.875" style="91"/>
    <col min="4383" max="4386" width="0" style="91" hidden="1" customWidth="1"/>
    <col min="4387" max="4394" width="10" style="91" customWidth="1"/>
    <col min="4395" max="4601" width="8.875" style="91"/>
    <col min="4602" max="4602" width="7.5" style="91" customWidth="1"/>
    <col min="4603" max="4603" width="16" style="91" customWidth="1"/>
    <col min="4604" max="4604" width="12.25" style="91" customWidth="1"/>
    <col min="4605" max="4605" width="6.125" style="91" customWidth="1"/>
    <col min="4606" max="4606" width="1.75" style="91" customWidth="1"/>
    <col min="4607" max="4607" width="7.25" style="91" customWidth="1"/>
    <col min="4608" max="4608" width="4.125" style="91" customWidth="1"/>
    <col min="4609" max="4609" width="5.75" style="91" customWidth="1"/>
    <col min="4610" max="4610" width="1.75" style="91" customWidth="1"/>
    <col min="4611" max="4611" width="8.875" style="91"/>
    <col min="4612" max="4612" width="5" style="91" customWidth="1"/>
    <col min="4613" max="4613" width="1.625" style="91" customWidth="1"/>
    <col min="4614" max="4614" width="3.875" style="91" customWidth="1"/>
    <col min="4615" max="4615" width="2.125" style="91" customWidth="1"/>
    <col min="4616" max="4617" width="4" style="91" customWidth="1"/>
    <col min="4618" max="4618" width="13.75" style="91" customWidth="1"/>
    <col min="4619" max="4619" width="1.5" style="91" customWidth="1"/>
    <col min="4620" max="4620" width="3.5" style="91" customWidth="1"/>
    <col min="4621" max="4621" width="1.625" style="91" customWidth="1"/>
    <col min="4622" max="4622" width="72.5" style="91" customWidth="1"/>
    <col min="4623" max="4623" width="8.375" style="91" customWidth="1"/>
    <col min="4624" max="4627" width="0" style="91" hidden="1" customWidth="1"/>
    <col min="4628" max="4638" width="8.875" style="91"/>
    <col min="4639" max="4642" width="0" style="91" hidden="1" customWidth="1"/>
    <col min="4643" max="4650" width="10" style="91" customWidth="1"/>
    <col min="4651" max="4857" width="8.875" style="91"/>
    <col min="4858" max="4858" width="7.5" style="91" customWidth="1"/>
    <col min="4859" max="4859" width="16" style="91" customWidth="1"/>
    <col min="4860" max="4860" width="12.25" style="91" customWidth="1"/>
    <col min="4861" max="4861" width="6.125" style="91" customWidth="1"/>
    <col min="4862" max="4862" width="1.75" style="91" customWidth="1"/>
    <col min="4863" max="4863" width="7.25" style="91" customWidth="1"/>
    <col min="4864" max="4864" width="4.125" style="91" customWidth="1"/>
    <col min="4865" max="4865" width="5.75" style="91" customWidth="1"/>
    <col min="4866" max="4866" width="1.75" style="91" customWidth="1"/>
    <col min="4867" max="4867" width="8.875" style="91"/>
    <col min="4868" max="4868" width="5" style="91" customWidth="1"/>
    <col min="4869" max="4869" width="1.625" style="91" customWidth="1"/>
    <col min="4870" max="4870" width="3.875" style="91" customWidth="1"/>
    <col min="4871" max="4871" width="2.125" style="91" customWidth="1"/>
    <col min="4872" max="4873" width="4" style="91" customWidth="1"/>
    <col min="4874" max="4874" width="13.75" style="91" customWidth="1"/>
    <col min="4875" max="4875" width="1.5" style="91" customWidth="1"/>
    <col min="4876" max="4876" width="3.5" style="91" customWidth="1"/>
    <col min="4877" max="4877" width="1.625" style="91" customWidth="1"/>
    <col min="4878" max="4878" width="72.5" style="91" customWidth="1"/>
    <col min="4879" max="4879" width="8.375" style="91" customWidth="1"/>
    <col min="4880" max="4883" width="0" style="91" hidden="1" customWidth="1"/>
    <col min="4884" max="4894" width="8.875" style="91"/>
    <col min="4895" max="4898" width="0" style="91" hidden="1" customWidth="1"/>
    <col min="4899" max="4906" width="10" style="91" customWidth="1"/>
    <col min="4907" max="5113" width="8.875" style="91"/>
    <col min="5114" max="5114" width="7.5" style="91" customWidth="1"/>
    <col min="5115" max="5115" width="16" style="91" customWidth="1"/>
    <col min="5116" max="5116" width="12.25" style="91" customWidth="1"/>
    <col min="5117" max="5117" width="6.125" style="91" customWidth="1"/>
    <col min="5118" max="5118" width="1.75" style="91" customWidth="1"/>
    <col min="5119" max="5119" width="7.25" style="91" customWidth="1"/>
    <col min="5120" max="5120" width="4.125" style="91" customWidth="1"/>
    <col min="5121" max="5121" width="5.75" style="91" customWidth="1"/>
    <col min="5122" max="5122" width="1.75" style="91" customWidth="1"/>
    <col min="5123" max="5123" width="8.875" style="91"/>
    <col min="5124" max="5124" width="5" style="91" customWidth="1"/>
    <col min="5125" max="5125" width="1.625" style="91" customWidth="1"/>
    <col min="5126" max="5126" width="3.875" style="91" customWidth="1"/>
    <col min="5127" max="5127" width="2.125" style="91" customWidth="1"/>
    <col min="5128" max="5129" width="4" style="91" customWidth="1"/>
    <col min="5130" max="5130" width="13.75" style="91" customWidth="1"/>
    <col min="5131" max="5131" width="1.5" style="91" customWidth="1"/>
    <col min="5132" max="5132" width="3.5" style="91" customWidth="1"/>
    <col min="5133" max="5133" width="1.625" style="91" customWidth="1"/>
    <col min="5134" max="5134" width="72.5" style="91" customWidth="1"/>
    <col min="5135" max="5135" width="8.375" style="91" customWidth="1"/>
    <col min="5136" max="5139" width="0" style="91" hidden="1" customWidth="1"/>
    <col min="5140" max="5150" width="8.875" style="91"/>
    <col min="5151" max="5154" width="0" style="91" hidden="1" customWidth="1"/>
    <col min="5155" max="5162" width="10" style="91" customWidth="1"/>
    <col min="5163" max="5369" width="8.875" style="91"/>
    <col min="5370" max="5370" width="7.5" style="91" customWidth="1"/>
    <col min="5371" max="5371" width="16" style="91" customWidth="1"/>
    <col min="5372" max="5372" width="12.25" style="91" customWidth="1"/>
    <col min="5373" max="5373" width="6.125" style="91" customWidth="1"/>
    <col min="5374" max="5374" width="1.75" style="91" customWidth="1"/>
    <col min="5375" max="5375" width="7.25" style="91" customWidth="1"/>
    <col min="5376" max="5376" width="4.125" style="91" customWidth="1"/>
    <col min="5377" max="5377" width="5.75" style="91" customWidth="1"/>
    <col min="5378" max="5378" width="1.75" style="91" customWidth="1"/>
    <col min="5379" max="5379" width="8.875" style="91"/>
    <col min="5380" max="5380" width="5" style="91" customWidth="1"/>
    <col min="5381" max="5381" width="1.625" style="91" customWidth="1"/>
    <col min="5382" max="5382" width="3.875" style="91" customWidth="1"/>
    <col min="5383" max="5383" width="2.125" style="91" customWidth="1"/>
    <col min="5384" max="5385" width="4" style="91" customWidth="1"/>
    <col min="5386" max="5386" width="13.75" style="91" customWidth="1"/>
    <col min="5387" max="5387" width="1.5" style="91" customWidth="1"/>
    <col min="5388" max="5388" width="3.5" style="91" customWidth="1"/>
    <col min="5389" max="5389" width="1.625" style="91" customWidth="1"/>
    <col min="5390" max="5390" width="72.5" style="91" customWidth="1"/>
    <col min="5391" max="5391" width="8.375" style="91" customWidth="1"/>
    <col min="5392" max="5395" width="0" style="91" hidden="1" customWidth="1"/>
    <col min="5396" max="5406" width="8.875" style="91"/>
    <col min="5407" max="5410" width="0" style="91" hidden="1" customWidth="1"/>
    <col min="5411" max="5418" width="10" style="91" customWidth="1"/>
    <col min="5419" max="5625" width="8.875" style="91"/>
    <col min="5626" max="5626" width="7.5" style="91" customWidth="1"/>
    <col min="5627" max="5627" width="16" style="91" customWidth="1"/>
    <col min="5628" max="5628" width="12.25" style="91" customWidth="1"/>
    <col min="5629" max="5629" width="6.125" style="91" customWidth="1"/>
    <col min="5630" max="5630" width="1.75" style="91" customWidth="1"/>
    <col min="5631" max="5631" width="7.25" style="91" customWidth="1"/>
    <col min="5632" max="5632" width="4.125" style="91" customWidth="1"/>
    <col min="5633" max="5633" width="5.75" style="91" customWidth="1"/>
    <col min="5634" max="5634" width="1.75" style="91" customWidth="1"/>
    <col min="5635" max="5635" width="8.875" style="91"/>
    <col min="5636" max="5636" width="5" style="91" customWidth="1"/>
    <col min="5637" max="5637" width="1.625" style="91" customWidth="1"/>
    <col min="5638" max="5638" width="3.875" style="91" customWidth="1"/>
    <col min="5639" max="5639" width="2.125" style="91" customWidth="1"/>
    <col min="5640" max="5641" width="4" style="91" customWidth="1"/>
    <col min="5642" max="5642" width="13.75" style="91" customWidth="1"/>
    <col min="5643" max="5643" width="1.5" style="91" customWidth="1"/>
    <col min="5644" max="5644" width="3.5" style="91" customWidth="1"/>
    <col min="5645" max="5645" width="1.625" style="91" customWidth="1"/>
    <col min="5646" max="5646" width="72.5" style="91" customWidth="1"/>
    <col min="5647" max="5647" width="8.375" style="91" customWidth="1"/>
    <col min="5648" max="5651" width="0" style="91" hidden="1" customWidth="1"/>
    <col min="5652" max="5662" width="8.875" style="91"/>
    <col min="5663" max="5666" width="0" style="91" hidden="1" customWidth="1"/>
    <col min="5667" max="5674" width="10" style="91" customWidth="1"/>
    <col min="5675" max="5881" width="8.875" style="91"/>
    <col min="5882" max="5882" width="7.5" style="91" customWidth="1"/>
    <col min="5883" max="5883" width="16" style="91" customWidth="1"/>
    <col min="5884" max="5884" width="12.25" style="91" customWidth="1"/>
    <col min="5885" max="5885" width="6.125" style="91" customWidth="1"/>
    <col min="5886" max="5886" width="1.75" style="91" customWidth="1"/>
    <col min="5887" max="5887" width="7.25" style="91" customWidth="1"/>
    <col min="5888" max="5888" width="4.125" style="91" customWidth="1"/>
    <col min="5889" max="5889" width="5.75" style="91" customWidth="1"/>
    <col min="5890" max="5890" width="1.75" style="91" customWidth="1"/>
    <col min="5891" max="5891" width="8.875" style="91"/>
    <col min="5892" max="5892" width="5" style="91" customWidth="1"/>
    <col min="5893" max="5893" width="1.625" style="91" customWidth="1"/>
    <col min="5894" max="5894" width="3.875" style="91" customWidth="1"/>
    <col min="5895" max="5895" width="2.125" style="91" customWidth="1"/>
    <col min="5896" max="5897" width="4" style="91" customWidth="1"/>
    <col min="5898" max="5898" width="13.75" style="91" customWidth="1"/>
    <col min="5899" max="5899" width="1.5" style="91" customWidth="1"/>
    <col min="5900" max="5900" width="3.5" style="91" customWidth="1"/>
    <col min="5901" max="5901" width="1.625" style="91" customWidth="1"/>
    <col min="5902" max="5902" width="72.5" style="91" customWidth="1"/>
    <col min="5903" max="5903" width="8.375" style="91" customWidth="1"/>
    <col min="5904" max="5907" width="0" style="91" hidden="1" customWidth="1"/>
    <col min="5908" max="5918" width="8.875" style="91"/>
    <col min="5919" max="5922" width="0" style="91" hidden="1" customWidth="1"/>
    <col min="5923" max="5930" width="10" style="91" customWidth="1"/>
    <col min="5931" max="6137" width="8.875" style="91"/>
    <col min="6138" max="6138" width="7.5" style="91" customWidth="1"/>
    <col min="6139" max="6139" width="16" style="91" customWidth="1"/>
    <col min="6140" max="6140" width="12.25" style="91" customWidth="1"/>
    <col min="6141" max="6141" width="6.125" style="91" customWidth="1"/>
    <col min="6142" max="6142" width="1.75" style="91" customWidth="1"/>
    <col min="6143" max="6143" width="7.25" style="91" customWidth="1"/>
    <col min="6144" max="6144" width="4.125" style="91" customWidth="1"/>
    <col min="6145" max="6145" width="5.75" style="91" customWidth="1"/>
    <col min="6146" max="6146" width="1.75" style="91" customWidth="1"/>
    <col min="6147" max="6147" width="8.875" style="91"/>
    <col min="6148" max="6148" width="5" style="91" customWidth="1"/>
    <col min="6149" max="6149" width="1.625" style="91" customWidth="1"/>
    <col min="6150" max="6150" width="3.875" style="91" customWidth="1"/>
    <col min="6151" max="6151" width="2.125" style="91" customWidth="1"/>
    <col min="6152" max="6153" width="4" style="91" customWidth="1"/>
    <col min="6154" max="6154" width="13.75" style="91" customWidth="1"/>
    <col min="6155" max="6155" width="1.5" style="91" customWidth="1"/>
    <col min="6156" max="6156" width="3.5" style="91" customWidth="1"/>
    <col min="6157" max="6157" width="1.625" style="91" customWidth="1"/>
    <col min="6158" max="6158" width="72.5" style="91" customWidth="1"/>
    <col min="6159" max="6159" width="8.375" style="91" customWidth="1"/>
    <col min="6160" max="6163" width="0" style="91" hidden="1" customWidth="1"/>
    <col min="6164" max="6174" width="8.875" style="91"/>
    <col min="6175" max="6178" width="0" style="91" hidden="1" customWidth="1"/>
    <col min="6179" max="6186" width="10" style="91" customWidth="1"/>
    <col min="6187" max="6393" width="8.875" style="91"/>
    <col min="6394" max="6394" width="7.5" style="91" customWidth="1"/>
    <col min="6395" max="6395" width="16" style="91" customWidth="1"/>
    <col min="6396" max="6396" width="12.25" style="91" customWidth="1"/>
    <col min="6397" max="6397" width="6.125" style="91" customWidth="1"/>
    <col min="6398" max="6398" width="1.75" style="91" customWidth="1"/>
    <col min="6399" max="6399" width="7.25" style="91" customWidth="1"/>
    <col min="6400" max="6400" width="4.125" style="91" customWidth="1"/>
    <col min="6401" max="6401" width="5.75" style="91" customWidth="1"/>
    <col min="6402" max="6402" width="1.75" style="91" customWidth="1"/>
    <col min="6403" max="6403" width="8.875" style="91"/>
    <col min="6404" max="6404" width="5" style="91" customWidth="1"/>
    <col min="6405" max="6405" width="1.625" style="91" customWidth="1"/>
    <col min="6406" max="6406" width="3.875" style="91" customWidth="1"/>
    <col min="6407" max="6407" width="2.125" style="91" customWidth="1"/>
    <col min="6408" max="6409" width="4" style="91" customWidth="1"/>
    <col min="6410" max="6410" width="13.75" style="91" customWidth="1"/>
    <col min="6411" max="6411" width="1.5" style="91" customWidth="1"/>
    <col min="6412" max="6412" width="3.5" style="91" customWidth="1"/>
    <col min="6413" max="6413" width="1.625" style="91" customWidth="1"/>
    <col min="6414" max="6414" width="72.5" style="91" customWidth="1"/>
    <col min="6415" max="6415" width="8.375" style="91" customWidth="1"/>
    <col min="6416" max="6419" width="0" style="91" hidden="1" customWidth="1"/>
    <col min="6420" max="6430" width="8.875" style="91"/>
    <col min="6431" max="6434" width="0" style="91" hidden="1" customWidth="1"/>
    <col min="6435" max="6442" width="10" style="91" customWidth="1"/>
    <col min="6443" max="6649" width="8.875" style="91"/>
    <col min="6650" max="6650" width="7.5" style="91" customWidth="1"/>
    <col min="6651" max="6651" width="16" style="91" customWidth="1"/>
    <col min="6652" max="6652" width="12.25" style="91" customWidth="1"/>
    <col min="6653" max="6653" width="6.125" style="91" customWidth="1"/>
    <col min="6654" max="6654" width="1.75" style="91" customWidth="1"/>
    <col min="6655" max="6655" width="7.25" style="91" customWidth="1"/>
    <col min="6656" max="6656" width="4.125" style="91" customWidth="1"/>
    <col min="6657" max="6657" width="5.75" style="91" customWidth="1"/>
    <col min="6658" max="6658" width="1.75" style="91" customWidth="1"/>
    <col min="6659" max="6659" width="8.875" style="91"/>
    <col min="6660" max="6660" width="5" style="91" customWidth="1"/>
    <col min="6661" max="6661" width="1.625" style="91" customWidth="1"/>
    <col min="6662" max="6662" width="3.875" style="91" customWidth="1"/>
    <col min="6663" max="6663" width="2.125" style="91" customWidth="1"/>
    <col min="6664" max="6665" width="4" style="91" customWidth="1"/>
    <col min="6666" max="6666" width="13.75" style="91" customWidth="1"/>
    <col min="6667" max="6667" width="1.5" style="91" customWidth="1"/>
    <col min="6668" max="6668" width="3.5" style="91" customWidth="1"/>
    <col min="6669" max="6669" width="1.625" style="91" customWidth="1"/>
    <col min="6670" max="6670" width="72.5" style="91" customWidth="1"/>
    <col min="6671" max="6671" width="8.375" style="91" customWidth="1"/>
    <col min="6672" max="6675" width="0" style="91" hidden="1" customWidth="1"/>
    <col min="6676" max="6686" width="8.875" style="91"/>
    <col min="6687" max="6690" width="0" style="91" hidden="1" customWidth="1"/>
    <col min="6691" max="6698" width="10" style="91" customWidth="1"/>
    <col min="6699" max="6905" width="8.875" style="91"/>
    <col min="6906" max="6906" width="7.5" style="91" customWidth="1"/>
    <col min="6907" max="6907" width="16" style="91" customWidth="1"/>
    <col min="6908" max="6908" width="12.25" style="91" customWidth="1"/>
    <col min="6909" max="6909" width="6.125" style="91" customWidth="1"/>
    <col min="6910" max="6910" width="1.75" style="91" customWidth="1"/>
    <col min="6911" max="6911" width="7.25" style="91" customWidth="1"/>
    <col min="6912" max="6912" width="4.125" style="91" customWidth="1"/>
    <col min="6913" max="6913" width="5.75" style="91" customWidth="1"/>
    <col min="6914" max="6914" width="1.75" style="91" customWidth="1"/>
    <col min="6915" max="6915" width="8.875" style="91"/>
    <col min="6916" max="6916" width="5" style="91" customWidth="1"/>
    <col min="6917" max="6917" width="1.625" style="91" customWidth="1"/>
    <col min="6918" max="6918" width="3.875" style="91" customWidth="1"/>
    <col min="6919" max="6919" width="2.125" style="91" customWidth="1"/>
    <col min="6920" max="6921" width="4" style="91" customWidth="1"/>
    <col min="6922" max="6922" width="13.75" style="91" customWidth="1"/>
    <col min="6923" max="6923" width="1.5" style="91" customWidth="1"/>
    <col min="6924" max="6924" width="3.5" style="91" customWidth="1"/>
    <col min="6925" max="6925" width="1.625" style="91" customWidth="1"/>
    <col min="6926" max="6926" width="72.5" style="91" customWidth="1"/>
    <col min="6927" max="6927" width="8.375" style="91" customWidth="1"/>
    <col min="6928" max="6931" width="0" style="91" hidden="1" customWidth="1"/>
    <col min="6932" max="6942" width="8.875" style="91"/>
    <col min="6943" max="6946" width="0" style="91" hidden="1" customWidth="1"/>
    <col min="6947" max="6954" width="10" style="91" customWidth="1"/>
    <col min="6955" max="7161" width="8.875" style="91"/>
    <col min="7162" max="7162" width="7.5" style="91" customWidth="1"/>
    <col min="7163" max="7163" width="16" style="91" customWidth="1"/>
    <col min="7164" max="7164" width="12.25" style="91" customWidth="1"/>
    <col min="7165" max="7165" width="6.125" style="91" customWidth="1"/>
    <col min="7166" max="7166" width="1.75" style="91" customWidth="1"/>
    <col min="7167" max="7167" width="7.25" style="91" customWidth="1"/>
    <col min="7168" max="7168" width="4.125" style="91" customWidth="1"/>
    <col min="7169" max="7169" width="5.75" style="91" customWidth="1"/>
    <col min="7170" max="7170" width="1.75" style="91" customWidth="1"/>
    <col min="7171" max="7171" width="8.875" style="91"/>
    <col min="7172" max="7172" width="5" style="91" customWidth="1"/>
    <col min="7173" max="7173" width="1.625" style="91" customWidth="1"/>
    <col min="7174" max="7174" width="3.875" style="91" customWidth="1"/>
    <col min="7175" max="7175" width="2.125" style="91" customWidth="1"/>
    <col min="7176" max="7177" width="4" style="91" customWidth="1"/>
    <col min="7178" max="7178" width="13.75" style="91" customWidth="1"/>
    <col min="7179" max="7179" width="1.5" style="91" customWidth="1"/>
    <col min="7180" max="7180" width="3.5" style="91" customWidth="1"/>
    <col min="7181" max="7181" width="1.625" style="91" customWidth="1"/>
    <col min="7182" max="7182" width="72.5" style="91" customWidth="1"/>
    <col min="7183" max="7183" width="8.375" style="91" customWidth="1"/>
    <col min="7184" max="7187" width="0" style="91" hidden="1" customWidth="1"/>
    <col min="7188" max="7198" width="8.875" style="91"/>
    <col min="7199" max="7202" width="0" style="91" hidden="1" customWidth="1"/>
    <col min="7203" max="7210" width="10" style="91" customWidth="1"/>
    <col min="7211" max="7417" width="8.875" style="91"/>
    <col min="7418" max="7418" width="7.5" style="91" customWidth="1"/>
    <col min="7419" max="7419" width="16" style="91" customWidth="1"/>
    <col min="7420" max="7420" width="12.25" style="91" customWidth="1"/>
    <col min="7421" max="7421" width="6.125" style="91" customWidth="1"/>
    <col min="7422" max="7422" width="1.75" style="91" customWidth="1"/>
    <col min="7423" max="7423" width="7.25" style="91" customWidth="1"/>
    <col min="7424" max="7424" width="4.125" style="91" customWidth="1"/>
    <col min="7425" max="7425" width="5.75" style="91" customWidth="1"/>
    <col min="7426" max="7426" width="1.75" style="91" customWidth="1"/>
    <col min="7427" max="7427" width="8.875" style="91"/>
    <col min="7428" max="7428" width="5" style="91" customWidth="1"/>
    <col min="7429" max="7429" width="1.625" style="91" customWidth="1"/>
    <col min="7430" max="7430" width="3.875" style="91" customWidth="1"/>
    <col min="7431" max="7431" width="2.125" style="91" customWidth="1"/>
    <col min="7432" max="7433" width="4" style="91" customWidth="1"/>
    <col min="7434" max="7434" width="13.75" style="91" customWidth="1"/>
    <col min="7435" max="7435" width="1.5" style="91" customWidth="1"/>
    <col min="7436" max="7436" width="3.5" style="91" customWidth="1"/>
    <col min="7437" max="7437" width="1.625" style="91" customWidth="1"/>
    <col min="7438" max="7438" width="72.5" style="91" customWidth="1"/>
    <col min="7439" max="7439" width="8.375" style="91" customWidth="1"/>
    <col min="7440" max="7443" width="0" style="91" hidden="1" customWidth="1"/>
    <col min="7444" max="7454" width="8.875" style="91"/>
    <col min="7455" max="7458" width="0" style="91" hidden="1" customWidth="1"/>
    <col min="7459" max="7466" width="10" style="91" customWidth="1"/>
    <col min="7467" max="7673" width="8.875" style="91"/>
    <col min="7674" max="7674" width="7.5" style="91" customWidth="1"/>
    <col min="7675" max="7675" width="16" style="91" customWidth="1"/>
    <col min="7676" max="7676" width="12.25" style="91" customWidth="1"/>
    <col min="7677" max="7677" width="6.125" style="91" customWidth="1"/>
    <col min="7678" max="7678" width="1.75" style="91" customWidth="1"/>
    <col min="7679" max="7679" width="7.25" style="91" customWidth="1"/>
    <col min="7680" max="7680" width="4.125" style="91" customWidth="1"/>
    <col min="7681" max="7681" width="5.75" style="91" customWidth="1"/>
    <col min="7682" max="7682" width="1.75" style="91" customWidth="1"/>
    <col min="7683" max="7683" width="8.875" style="91"/>
    <col min="7684" max="7684" width="5" style="91" customWidth="1"/>
    <col min="7685" max="7685" width="1.625" style="91" customWidth="1"/>
    <col min="7686" max="7686" width="3.875" style="91" customWidth="1"/>
    <col min="7687" max="7687" width="2.125" style="91" customWidth="1"/>
    <col min="7688" max="7689" width="4" style="91" customWidth="1"/>
    <col min="7690" max="7690" width="13.75" style="91" customWidth="1"/>
    <col min="7691" max="7691" width="1.5" style="91" customWidth="1"/>
    <col min="7692" max="7692" width="3.5" style="91" customWidth="1"/>
    <col min="7693" max="7693" width="1.625" style="91" customWidth="1"/>
    <col min="7694" max="7694" width="72.5" style="91" customWidth="1"/>
    <col min="7695" max="7695" width="8.375" style="91" customWidth="1"/>
    <col min="7696" max="7699" width="0" style="91" hidden="1" customWidth="1"/>
    <col min="7700" max="7710" width="8.875" style="91"/>
    <col min="7711" max="7714" width="0" style="91" hidden="1" customWidth="1"/>
    <col min="7715" max="7722" width="10" style="91" customWidth="1"/>
    <col min="7723" max="7929" width="8.875" style="91"/>
    <col min="7930" max="7930" width="7.5" style="91" customWidth="1"/>
    <col min="7931" max="7931" width="16" style="91" customWidth="1"/>
    <col min="7932" max="7932" width="12.25" style="91" customWidth="1"/>
    <col min="7933" max="7933" width="6.125" style="91" customWidth="1"/>
    <col min="7934" max="7934" width="1.75" style="91" customWidth="1"/>
    <col min="7935" max="7935" width="7.25" style="91" customWidth="1"/>
    <col min="7936" max="7936" width="4.125" style="91" customWidth="1"/>
    <col min="7937" max="7937" width="5.75" style="91" customWidth="1"/>
    <col min="7938" max="7938" width="1.75" style="91" customWidth="1"/>
    <col min="7939" max="7939" width="8.875" style="91"/>
    <col min="7940" max="7940" width="5" style="91" customWidth="1"/>
    <col min="7941" max="7941" width="1.625" style="91" customWidth="1"/>
    <col min="7942" max="7942" width="3.875" style="91" customWidth="1"/>
    <col min="7943" max="7943" width="2.125" style="91" customWidth="1"/>
    <col min="7944" max="7945" width="4" style="91" customWidth="1"/>
    <col min="7946" max="7946" width="13.75" style="91" customWidth="1"/>
    <col min="7947" max="7947" width="1.5" style="91" customWidth="1"/>
    <col min="7948" max="7948" width="3.5" style="91" customWidth="1"/>
    <col min="7949" max="7949" width="1.625" style="91" customWidth="1"/>
    <col min="7950" max="7950" width="72.5" style="91" customWidth="1"/>
    <col min="7951" max="7951" width="8.375" style="91" customWidth="1"/>
    <col min="7952" max="7955" width="0" style="91" hidden="1" customWidth="1"/>
    <col min="7956" max="7966" width="8.875" style="91"/>
    <col min="7967" max="7970" width="0" style="91" hidden="1" customWidth="1"/>
    <col min="7971" max="7978" width="10" style="91" customWidth="1"/>
    <col min="7979" max="8185" width="8.875" style="91"/>
    <col min="8186" max="8186" width="7.5" style="91" customWidth="1"/>
    <col min="8187" max="8187" width="16" style="91" customWidth="1"/>
    <col min="8188" max="8188" width="12.25" style="91" customWidth="1"/>
    <col min="8189" max="8189" width="6.125" style="91" customWidth="1"/>
    <col min="8190" max="8190" width="1.75" style="91" customWidth="1"/>
    <col min="8191" max="8191" width="7.25" style="91" customWidth="1"/>
    <col min="8192" max="8192" width="4.125" style="91" customWidth="1"/>
    <col min="8193" max="8193" width="5.75" style="91" customWidth="1"/>
    <col min="8194" max="8194" width="1.75" style="91" customWidth="1"/>
    <col min="8195" max="8195" width="8.875" style="91"/>
    <col min="8196" max="8196" width="5" style="91" customWidth="1"/>
    <col min="8197" max="8197" width="1.625" style="91" customWidth="1"/>
    <col min="8198" max="8198" width="3.875" style="91" customWidth="1"/>
    <col min="8199" max="8199" width="2.125" style="91" customWidth="1"/>
    <col min="8200" max="8201" width="4" style="91" customWidth="1"/>
    <col min="8202" max="8202" width="13.75" style="91" customWidth="1"/>
    <col min="8203" max="8203" width="1.5" style="91" customWidth="1"/>
    <col min="8204" max="8204" width="3.5" style="91" customWidth="1"/>
    <col min="8205" max="8205" width="1.625" style="91" customWidth="1"/>
    <col min="8206" max="8206" width="72.5" style="91" customWidth="1"/>
    <col min="8207" max="8207" width="8.375" style="91" customWidth="1"/>
    <col min="8208" max="8211" width="0" style="91" hidden="1" customWidth="1"/>
    <col min="8212" max="8222" width="8.875" style="91"/>
    <col min="8223" max="8226" width="0" style="91" hidden="1" customWidth="1"/>
    <col min="8227" max="8234" width="10" style="91" customWidth="1"/>
    <col min="8235" max="8441" width="8.875" style="91"/>
    <col min="8442" max="8442" width="7.5" style="91" customWidth="1"/>
    <col min="8443" max="8443" width="16" style="91" customWidth="1"/>
    <col min="8444" max="8444" width="12.25" style="91" customWidth="1"/>
    <col min="8445" max="8445" width="6.125" style="91" customWidth="1"/>
    <col min="8446" max="8446" width="1.75" style="91" customWidth="1"/>
    <col min="8447" max="8447" width="7.25" style="91" customWidth="1"/>
    <col min="8448" max="8448" width="4.125" style="91" customWidth="1"/>
    <col min="8449" max="8449" width="5.75" style="91" customWidth="1"/>
    <col min="8450" max="8450" width="1.75" style="91" customWidth="1"/>
    <col min="8451" max="8451" width="8.875" style="91"/>
    <col min="8452" max="8452" width="5" style="91" customWidth="1"/>
    <col min="8453" max="8453" width="1.625" style="91" customWidth="1"/>
    <col min="8454" max="8454" width="3.875" style="91" customWidth="1"/>
    <col min="8455" max="8455" width="2.125" style="91" customWidth="1"/>
    <col min="8456" max="8457" width="4" style="91" customWidth="1"/>
    <col min="8458" max="8458" width="13.75" style="91" customWidth="1"/>
    <col min="8459" max="8459" width="1.5" style="91" customWidth="1"/>
    <col min="8460" max="8460" width="3.5" style="91" customWidth="1"/>
    <col min="8461" max="8461" width="1.625" style="91" customWidth="1"/>
    <col min="8462" max="8462" width="72.5" style="91" customWidth="1"/>
    <col min="8463" max="8463" width="8.375" style="91" customWidth="1"/>
    <col min="8464" max="8467" width="0" style="91" hidden="1" customWidth="1"/>
    <col min="8468" max="8478" width="8.875" style="91"/>
    <col min="8479" max="8482" width="0" style="91" hidden="1" customWidth="1"/>
    <col min="8483" max="8490" width="10" style="91" customWidth="1"/>
    <col min="8491" max="8697" width="8.875" style="91"/>
    <col min="8698" max="8698" width="7.5" style="91" customWidth="1"/>
    <col min="8699" max="8699" width="16" style="91" customWidth="1"/>
    <col min="8700" max="8700" width="12.25" style="91" customWidth="1"/>
    <col min="8701" max="8701" width="6.125" style="91" customWidth="1"/>
    <col min="8702" max="8702" width="1.75" style="91" customWidth="1"/>
    <col min="8703" max="8703" width="7.25" style="91" customWidth="1"/>
    <col min="8704" max="8704" width="4.125" style="91" customWidth="1"/>
    <col min="8705" max="8705" width="5.75" style="91" customWidth="1"/>
    <col min="8706" max="8706" width="1.75" style="91" customWidth="1"/>
    <col min="8707" max="8707" width="8.875" style="91"/>
    <col min="8708" max="8708" width="5" style="91" customWidth="1"/>
    <col min="8709" max="8709" width="1.625" style="91" customWidth="1"/>
    <col min="8710" max="8710" width="3.875" style="91" customWidth="1"/>
    <col min="8711" max="8711" width="2.125" style="91" customWidth="1"/>
    <col min="8712" max="8713" width="4" style="91" customWidth="1"/>
    <col min="8714" max="8714" width="13.75" style="91" customWidth="1"/>
    <col min="8715" max="8715" width="1.5" style="91" customWidth="1"/>
    <col min="8716" max="8716" width="3.5" style="91" customWidth="1"/>
    <col min="8717" max="8717" width="1.625" style="91" customWidth="1"/>
    <col min="8718" max="8718" width="72.5" style="91" customWidth="1"/>
    <col min="8719" max="8719" width="8.375" style="91" customWidth="1"/>
    <col min="8720" max="8723" width="0" style="91" hidden="1" customWidth="1"/>
    <col min="8724" max="8734" width="8.875" style="91"/>
    <col min="8735" max="8738" width="0" style="91" hidden="1" customWidth="1"/>
    <col min="8739" max="8746" width="10" style="91" customWidth="1"/>
    <col min="8747" max="8953" width="8.875" style="91"/>
    <col min="8954" max="8954" width="7.5" style="91" customWidth="1"/>
    <col min="8955" max="8955" width="16" style="91" customWidth="1"/>
    <col min="8956" max="8956" width="12.25" style="91" customWidth="1"/>
    <col min="8957" max="8957" width="6.125" style="91" customWidth="1"/>
    <col min="8958" max="8958" width="1.75" style="91" customWidth="1"/>
    <col min="8959" max="8959" width="7.25" style="91" customWidth="1"/>
    <col min="8960" max="8960" width="4.125" style="91" customWidth="1"/>
    <col min="8961" max="8961" width="5.75" style="91" customWidth="1"/>
    <col min="8962" max="8962" width="1.75" style="91" customWidth="1"/>
    <col min="8963" max="8963" width="8.875" style="91"/>
    <col min="8964" max="8964" width="5" style="91" customWidth="1"/>
    <col min="8965" max="8965" width="1.625" style="91" customWidth="1"/>
    <col min="8966" max="8966" width="3.875" style="91" customWidth="1"/>
    <col min="8967" max="8967" width="2.125" style="91" customWidth="1"/>
    <col min="8968" max="8969" width="4" style="91" customWidth="1"/>
    <col min="8970" max="8970" width="13.75" style="91" customWidth="1"/>
    <col min="8971" max="8971" width="1.5" style="91" customWidth="1"/>
    <col min="8972" max="8972" width="3.5" style="91" customWidth="1"/>
    <col min="8973" max="8973" width="1.625" style="91" customWidth="1"/>
    <col min="8974" max="8974" width="72.5" style="91" customWidth="1"/>
    <col min="8975" max="8975" width="8.375" style="91" customWidth="1"/>
    <col min="8976" max="8979" width="0" style="91" hidden="1" customWidth="1"/>
    <col min="8980" max="8990" width="8.875" style="91"/>
    <col min="8991" max="8994" width="0" style="91" hidden="1" customWidth="1"/>
    <col min="8995" max="9002" width="10" style="91" customWidth="1"/>
    <col min="9003" max="9209" width="8.875" style="91"/>
    <col min="9210" max="9210" width="7.5" style="91" customWidth="1"/>
    <col min="9211" max="9211" width="16" style="91" customWidth="1"/>
    <col min="9212" max="9212" width="12.25" style="91" customWidth="1"/>
    <col min="9213" max="9213" width="6.125" style="91" customWidth="1"/>
    <col min="9214" max="9214" width="1.75" style="91" customWidth="1"/>
    <col min="9215" max="9215" width="7.25" style="91" customWidth="1"/>
    <col min="9216" max="9216" width="4.125" style="91" customWidth="1"/>
    <col min="9217" max="9217" width="5.75" style="91" customWidth="1"/>
    <col min="9218" max="9218" width="1.75" style="91" customWidth="1"/>
    <col min="9219" max="9219" width="8.875" style="91"/>
    <col min="9220" max="9220" width="5" style="91" customWidth="1"/>
    <col min="9221" max="9221" width="1.625" style="91" customWidth="1"/>
    <col min="9222" max="9222" width="3.875" style="91" customWidth="1"/>
    <col min="9223" max="9223" width="2.125" style="91" customWidth="1"/>
    <col min="9224" max="9225" width="4" style="91" customWidth="1"/>
    <col min="9226" max="9226" width="13.75" style="91" customWidth="1"/>
    <col min="9227" max="9227" width="1.5" style="91" customWidth="1"/>
    <col min="9228" max="9228" width="3.5" style="91" customWidth="1"/>
    <col min="9229" max="9229" width="1.625" style="91" customWidth="1"/>
    <col min="9230" max="9230" width="72.5" style="91" customWidth="1"/>
    <col min="9231" max="9231" width="8.375" style="91" customWidth="1"/>
    <col min="9232" max="9235" width="0" style="91" hidden="1" customWidth="1"/>
    <col min="9236" max="9246" width="8.875" style="91"/>
    <col min="9247" max="9250" width="0" style="91" hidden="1" customWidth="1"/>
    <col min="9251" max="9258" width="10" style="91" customWidth="1"/>
    <col min="9259" max="9465" width="8.875" style="91"/>
    <col min="9466" max="9466" width="7.5" style="91" customWidth="1"/>
    <col min="9467" max="9467" width="16" style="91" customWidth="1"/>
    <col min="9468" max="9468" width="12.25" style="91" customWidth="1"/>
    <col min="9469" max="9469" width="6.125" style="91" customWidth="1"/>
    <col min="9470" max="9470" width="1.75" style="91" customWidth="1"/>
    <col min="9471" max="9471" width="7.25" style="91" customWidth="1"/>
    <col min="9472" max="9472" width="4.125" style="91" customWidth="1"/>
    <col min="9473" max="9473" width="5.75" style="91" customWidth="1"/>
    <col min="9474" max="9474" width="1.75" style="91" customWidth="1"/>
    <col min="9475" max="9475" width="8.875" style="91"/>
    <col min="9476" max="9476" width="5" style="91" customWidth="1"/>
    <col min="9477" max="9477" width="1.625" style="91" customWidth="1"/>
    <col min="9478" max="9478" width="3.875" style="91" customWidth="1"/>
    <col min="9479" max="9479" width="2.125" style="91" customWidth="1"/>
    <col min="9480" max="9481" width="4" style="91" customWidth="1"/>
    <col min="9482" max="9482" width="13.75" style="91" customWidth="1"/>
    <col min="9483" max="9483" width="1.5" style="91" customWidth="1"/>
    <col min="9484" max="9484" width="3.5" style="91" customWidth="1"/>
    <col min="9485" max="9485" width="1.625" style="91" customWidth="1"/>
    <col min="9486" max="9486" width="72.5" style="91" customWidth="1"/>
    <col min="9487" max="9487" width="8.375" style="91" customWidth="1"/>
    <col min="9488" max="9491" width="0" style="91" hidden="1" customWidth="1"/>
    <col min="9492" max="9502" width="8.875" style="91"/>
    <col min="9503" max="9506" width="0" style="91" hidden="1" customWidth="1"/>
    <col min="9507" max="9514" width="10" style="91" customWidth="1"/>
    <col min="9515" max="9721" width="8.875" style="91"/>
    <col min="9722" max="9722" width="7.5" style="91" customWidth="1"/>
    <col min="9723" max="9723" width="16" style="91" customWidth="1"/>
    <col min="9724" max="9724" width="12.25" style="91" customWidth="1"/>
    <col min="9725" max="9725" width="6.125" style="91" customWidth="1"/>
    <col min="9726" max="9726" width="1.75" style="91" customWidth="1"/>
    <col min="9727" max="9727" width="7.25" style="91" customWidth="1"/>
    <col min="9728" max="9728" width="4.125" style="91" customWidth="1"/>
    <col min="9729" max="9729" width="5.75" style="91" customWidth="1"/>
    <col min="9730" max="9730" width="1.75" style="91" customWidth="1"/>
    <col min="9731" max="9731" width="8.875" style="91"/>
    <col min="9732" max="9732" width="5" style="91" customWidth="1"/>
    <col min="9733" max="9733" width="1.625" style="91" customWidth="1"/>
    <col min="9734" max="9734" width="3.875" style="91" customWidth="1"/>
    <col min="9735" max="9735" width="2.125" style="91" customWidth="1"/>
    <col min="9736" max="9737" width="4" style="91" customWidth="1"/>
    <col min="9738" max="9738" width="13.75" style="91" customWidth="1"/>
    <col min="9739" max="9739" width="1.5" style="91" customWidth="1"/>
    <col min="9740" max="9740" width="3.5" style="91" customWidth="1"/>
    <col min="9741" max="9741" width="1.625" style="91" customWidth="1"/>
    <col min="9742" max="9742" width="72.5" style="91" customWidth="1"/>
    <col min="9743" max="9743" width="8.375" style="91" customWidth="1"/>
    <col min="9744" max="9747" width="0" style="91" hidden="1" customWidth="1"/>
    <col min="9748" max="9758" width="8.875" style="91"/>
    <col min="9759" max="9762" width="0" style="91" hidden="1" customWidth="1"/>
    <col min="9763" max="9770" width="10" style="91" customWidth="1"/>
    <col min="9771" max="9977" width="8.875" style="91"/>
    <col min="9978" max="9978" width="7.5" style="91" customWidth="1"/>
    <col min="9979" max="9979" width="16" style="91" customWidth="1"/>
    <col min="9980" max="9980" width="12.25" style="91" customWidth="1"/>
    <col min="9981" max="9981" width="6.125" style="91" customWidth="1"/>
    <col min="9982" max="9982" width="1.75" style="91" customWidth="1"/>
    <col min="9983" max="9983" width="7.25" style="91" customWidth="1"/>
    <col min="9984" max="9984" width="4.125" style="91" customWidth="1"/>
    <col min="9985" max="9985" width="5.75" style="91" customWidth="1"/>
    <col min="9986" max="9986" width="1.75" style="91" customWidth="1"/>
    <col min="9987" max="9987" width="8.875" style="91"/>
    <col min="9988" max="9988" width="5" style="91" customWidth="1"/>
    <col min="9989" max="9989" width="1.625" style="91" customWidth="1"/>
    <col min="9990" max="9990" width="3.875" style="91" customWidth="1"/>
    <col min="9991" max="9991" width="2.125" style="91" customWidth="1"/>
    <col min="9992" max="9993" width="4" style="91" customWidth="1"/>
    <col min="9994" max="9994" width="13.75" style="91" customWidth="1"/>
    <col min="9995" max="9995" width="1.5" style="91" customWidth="1"/>
    <col min="9996" max="9996" width="3.5" style="91" customWidth="1"/>
    <col min="9997" max="9997" width="1.625" style="91" customWidth="1"/>
    <col min="9998" max="9998" width="72.5" style="91" customWidth="1"/>
    <col min="9999" max="9999" width="8.375" style="91" customWidth="1"/>
    <col min="10000" max="10003" width="0" style="91" hidden="1" customWidth="1"/>
    <col min="10004" max="10014" width="8.875" style="91"/>
    <col min="10015" max="10018" width="0" style="91" hidden="1" customWidth="1"/>
    <col min="10019" max="10026" width="10" style="91" customWidth="1"/>
    <col min="10027" max="10233" width="8.875" style="91"/>
    <col min="10234" max="10234" width="7.5" style="91" customWidth="1"/>
    <col min="10235" max="10235" width="16" style="91" customWidth="1"/>
    <col min="10236" max="10236" width="12.25" style="91" customWidth="1"/>
    <col min="10237" max="10237" width="6.125" style="91" customWidth="1"/>
    <col min="10238" max="10238" width="1.75" style="91" customWidth="1"/>
    <col min="10239" max="10239" width="7.25" style="91" customWidth="1"/>
    <col min="10240" max="10240" width="4.125" style="91" customWidth="1"/>
    <col min="10241" max="10241" width="5.75" style="91" customWidth="1"/>
    <col min="10242" max="10242" width="1.75" style="91" customWidth="1"/>
    <col min="10243" max="10243" width="8.875" style="91"/>
    <col min="10244" max="10244" width="5" style="91" customWidth="1"/>
    <col min="10245" max="10245" width="1.625" style="91" customWidth="1"/>
    <col min="10246" max="10246" width="3.875" style="91" customWidth="1"/>
    <col min="10247" max="10247" width="2.125" style="91" customWidth="1"/>
    <col min="10248" max="10249" width="4" style="91" customWidth="1"/>
    <col min="10250" max="10250" width="13.75" style="91" customWidth="1"/>
    <col min="10251" max="10251" width="1.5" style="91" customWidth="1"/>
    <col min="10252" max="10252" width="3.5" style="91" customWidth="1"/>
    <col min="10253" max="10253" width="1.625" style="91" customWidth="1"/>
    <col min="10254" max="10254" width="72.5" style="91" customWidth="1"/>
    <col min="10255" max="10255" width="8.375" style="91" customWidth="1"/>
    <col min="10256" max="10259" width="0" style="91" hidden="1" customWidth="1"/>
    <col min="10260" max="10270" width="8.875" style="91"/>
    <col min="10271" max="10274" width="0" style="91" hidden="1" customWidth="1"/>
    <col min="10275" max="10282" width="10" style="91" customWidth="1"/>
    <col min="10283" max="10489" width="8.875" style="91"/>
    <col min="10490" max="10490" width="7.5" style="91" customWidth="1"/>
    <col min="10491" max="10491" width="16" style="91" customWidth="1"/>
    <col min="10492" max="10492" width="12.25" style="91" customWidth="1"/>
    <col min="10493" max="10493" width="6.125" style="91" customWidth="1"/>
    <col min="10494" max="10494" width="1.75" style="91" customWidth="1"/>
    <col min="10495" max="10495" width="7.25" style="91" customWidth="1"/>
    <col min="10496" max="10496" width="4.125" style="91" customWidth="1"/>
    <col min="10497" max="10497" width="5.75" style="91" customWidth="1"/>
    <col min="10498" max="10498" width="1.75" style="91" customWidth="1"/>
    <col min="10499" max="10499" width="8.875" style="91"/>
    <col min="10500" max="10500" width="5" style="91" customWidth="1"/>
    <col min="10501" max="10501" width="1.625" style="91" customWidth="1"/>
    <col min="10502" max="10502" width="3.875" style="91" customWidth="1"/>
    <col min="10503" max="10503" width="2.125" style="91" customWidth="1"/>
    <col min="10504" max="10505" width="4" style="91" customWidth="1"/>
    <col min="10506" max="10506" width="13.75" style="91" customWidth="1"/>
    <col min="10507" max="10507" width="1.5" style="91" customWidth="1"/>
    <col min="10508" max="10508" width="3.5" style="91" customWidth="1"/>
    <col min="10509" max="10509" width="1.625" style="91" customWidth="1"/>
    <col min="10510" max="10510" width="72.5" style="91" customWidth="1"/>
    <col min="10511" max="10511" width="8.375" style="91" customWidth="1"/>
    <col min="10512" max="10515" width="0" style="91" hidden="1" customWidth="1"/>
    <col min="10516" max="10526" width="8.875" style="91"/>
    <col min="10527" max="10530" width="0" style="91" hidden="1" customWidth="1"/>
    <col min="10531" max="10538" width="10" style="91" customWidth="1"/>
    <col min="10539" max="10745" width="8.875" style="91"/>
    <col min="10746" max="10746" width="7.5" style="91" customWidth="1"/>
    <col min="10747" max="10747" width="16" style="91" customWidth="1"/>
    <col min="10748" max="10748" width="12.25" style="91" customWidth="1"/>
    <col min="10749" max="10749" width="6.125" style="91" customWidth="1"/>
    <col min="10750" max="10750" width="1.75" style="91" customWidth="1"/>
    <col min="10751" max="10751" width="7.25" style="91" customWidth="1"/>
    <col min="10752" max="10752" width="4.125" style="91" customWidth="1"/>
    <col min="10753" max="10753" width="5.75" style="91" customWidth="1"/>
    <col min="10754" max="10754" width="1.75" style="91" customWidth="1"/>
    <col min="10755" max="10755" width="8.875" style="91"/>
    <col min="10756" max="10756" width="5" style="91" customWidth="1"/>
    <col min="10757" max="10757" width="1.625" style="91" customWidth="1"/>
    <col min="10758" max="10758" width="3.875" style="91" customWidth="1"/>
    <col min="10759" max="10759" width="2.125" style="91" customWidth="1"/>
    <col min="10760" max="10761" width="4" style="91" customWidth="1"/>
    <col min="10762" max="10762" width="13.75" style="91" customWidth="1"/>
    <col min="10763" max="10763" width="1.5" style="91" customWidth="1"/>
    <col min="10764" max="10764" width="3.5" style="91" customWidth="1"/>
    <col min="10765" max="10765" width="1.625" style="91" customWidth="1"/>
    <col min="10766" max="10766" width="72.5" style="91" customWidth="1"/>
    <col min="10767" max="10767" width="8.375" style="91" customWidth="1"/>
    <col min="10768" max="10771" width="0" style="91" hidden="1" customWidth="1"/>
    <col min="10772" max="10782" width="8.875" style="91"/>
    <col min="10783" max="10786" width="0" style="91" hidden="1" customWidth="1"/>
    <col min="10787" max="10794" width="10" style="91" customWidth="1"/>
    <col min="10795" max="11001" width="8.875" style="91"/>
    <col min="11002" max="11002" width="7.5" style="91" customWidth="1"/>
    <col min="11003" max="11003" width="16" style="91" customWidth="1"/>
    <col min="11004" max="11004" width="12.25" style="91" customWidth="1"/>
    <col min="11005" max="11005" width="6.125" style="91" customWidth="1"/>
    <col min="11006" max="11006" width="1.75" style="91" customWidth="1"/>
    <col min="11007" max="11007" width="7.25" style="91" customWidth="1"/>
    <col min="11008" max="11008" width="4.125" style="91" customWidth="1"/>
    <col min="11009" max="11009" width="5.75" style="91" customWidth="1"/>
    <col min="11010" max="11010" width="1.75" style="91" customWidth="1"/>
    <col min="11011" max="11011" width="8.875" style="91"/>
    <col min="11012" max="11012" width="5" style="91" customWidth="1"/>
    <col min="11013" max="11013" width="1.625" style="91" customWidth="1"/>
    <col min="11014" max="11014" width="3.875" style="91" customWidth="1"/>
    <col min="11015" max="11015" width="2.125" style="91" customWidth="1"/>
    <col min="11016" max="11017" width="4" style="91" customWidth="1"/>
    <col min="11018" max="11018" width="13.75" style="91" customWidth="1"/>
    <col min="11019" max="11019" width="1.5" style="91" customWidth="1"/>
    <col min="11020" max="11020" width="3.5" style="91" customWidth="1"/>
    <col min="11021" max="11021" width="1.625" style="91" customWidth="1"/>
    <col min="11022" max="11022" width="72.5" style="91" customWidth="1"/>
    <col min="11023" max="11023" width="8.375" style="91" customWidth="1"/>
    <col min="11024" max="11027" width="0" style="91" hidden="1" customWidth="1"/>
    <col min="11028" max="11038" width="8.875" style="91"/>
    <col min="11039" max="11042" width="0" style="91" hidden="1" customWidth="1"/>
    <col min="11043" max="11050" width="10" style="91" customWidth="1"/>
    <col min="11051" max="11257" width="8.875" style="91"/>
    <col min="11258" max="11258" width="7.5" style="91" customWidth="1"/>
    <col min="11259" max="11259" width="16" style="91" customWidth="1"/>
    <col min="11260" max="11260" width="12.25" style="91" customWidth="1"/>
    <col min="11261" max="11261" width="6.125" style="91" customWidth="1"/>
    <col min="11262" max="11262" width="1.75" style="91" customWidth="1"/>
    <col min="11263" max="11263" width="7.25" style="91" customWidth="1"/>
    <col min="11264" max="11264" width="4.125" style="91" customWidth="1"/>
    <col min="11265" max="11265" width="5.75" style="91" customWidth="1"/>
    <col min="11266" max="11266" width="1.75" style="91" customWidth="1"/>
    <col min="11267" max="11267" width="8.875" style="91"/>
    <col min="11268" max="11268" width="5" style="91" customWidth="1"/>
    <col min="11269" max="11269" width="1.625" style="91" customWidth="1"/>
    <col min="11270" max="11270" width="3.875" style="91" customWidth="1"/>
    <col min="11271" max="11271" width="2.125" style="91" customWidth="1"/>
    <col min="11272" max="11273" width="4" style="91" customWidth="1"/>
    <col min="11274" max="11274" width="13.75" style="91" customWidth="1"/>
    <col min="11275" max="11275" width="1.5" style="91" customWidth="1"/>
    <col min="11276" max="11276" width="3.5" style="91" customWidth="1"/>
    <col min="11277" max="11277" width="1.625" style="91" customWidth="1"/>
    <col min="11278" max="11278" width="72.5" style="91" customWidth="1"/>
    <col min="11279" max="11279" width="8.375" style="91" customWidth="1"/>
    <col min="11280" max="11283" width="0" style="91" hidden="1" customWidth="1"/>
    <col min="11284" max="11294" width="8.875" style="91"/>
    <col min="11295" max="11298" width="0" style="91" hidden="1" customWidth="1"/>
    <col min="11299" max="11306" width="10" style="91" customWidth="1"/>
    <col min="11307" max="11513" width="8.875" style="91"/>
    <col min="11514" max="11514" width="7.5" style="91" customWidth="1"/>
    <col min="11515" max="11515" width="16" style="91" customWidth="1"/>
    <col min="11516" max="11516" width="12.25" style="91" customWidth="1"/>
    <col min="11517" max="11517" width="6.125" style="91" customWidth="1"/>
    <col min="11518" max="11518" width="1.75" style="91" customWidth="1"/>
    <col min="11519" max="11519" width="7.25" style="91" customWidth="1"/>
    <col min="11520" max="11520" width="4.125" style="91" customWidth="1"/>
    <col min="11521" max="11521" width="5.75" style="91" customWidth="1"/>
    <col min="11522" max="11522" width="1.75" style="91" customWidth="1"/>
    <col min="11523" max="11523" width="8.875" style="91"/>
    <col min="11524" max="11524" width="5" style="91" customWidth="1"/>
    <col min="11525" max="11525" width="1.625" style="91" customWidth="1"/>
    <col min="11526" max="11526" width="3.875" style="91" customWidth="1"/>
    <col min="11527" max="11527" width="2.125" style="91" customWidth="1"/>
    <col min="11528" max="11529" width="4" style="91" customWidth="1"/>
    <col min="11530" max="11530" width="13.75" style="91" customWidth="1"/>
    <col min="11531" max="11531" width="1.5" style="91" customWidth="1"/>
    <col min="11532" max="11532" width="3.5" style="91" customWidth="1"/>
    <col min="11533" max="11533" width="1.625" style="91" customWidth="1"/>
    <col min="11534" max="11534" width="72.5" style="91" customWidth="1"/>
    <col min="11535" max="11535" width="8.375" style="91" customWidth="1"/>
    <col min="11536" max="11539" width="0" style="91" hidden="1" customWidth="1"/>
    <col min="11540" max="11550" width="8.875" style="91"/>
    <col min="11551" max="11554" width="0" style="91" hidden="1" customWidth="1"/>
    <col min="11555" max="11562" width="10" style="91" customWidth="1"/>
    <col min="11563" max="11769" width="8.875" style="91"/>
    <col min="11770" max="11770" width="7.5" style="91" customWidth="1"/>
    <col min="11771" max="11771" width="16" style="91" customWidth="1"/>
    <col min="11772" max="11772" width="12.25" style="91" customWidth="1"/>
    <col min="11773" max="11773" width="6.125" style="91" customWidth="1"/>
    <col min="11774" max="11774" width="1.75" style="91" customWidth="1"/>
    <col min="11775" max="11775" width="7.25" style="91" customWidth="1"/>
    <col min="11776" max="11776" width="4.125" style="91" customWidth="1"/>
    <col min="11777" max="11777" width="5.75" style="91" customWidth="1"/>
    <col min="11778" max="11778" width="1.75" style="91" customWidth="1"/>
    <col min="11779" max="11779" width="8.875" style="91"/>
    <col min="11780" max="11780" width="5" style="91" customWidth="1"/>
    <col min="11781" max="11781" width="1.625" style="91" customWidth="1"/>
    <col min="11782" max="11782" width="3.875" style="91" customWidth="1"/>
    <col min="11783" max="11783" width="2.125" style="91" customWidth="1"/>
    <col min="11784" max="11785" width="4" style="91" customWidth="1"/>
    <col min="11786" max="11786" width="13.75" style="91" customWidth="1"/>
    <col min="11787" max="11787" width="1.5" style="91" customWidth="1"/>
    <col min="11788" max="11788" width="3.5" style="91" customWidth="1"/>
    <col min="11789" max="11789" width="1.625" style="91" customWidth="1"/>
    <col min="11790" max="11790" width="72.5" style="91" customWidth="1"/>
    <col min="11791" max="11791" width="8.375" style="91" customWidth="1"/>
    <col min="11792" max="11795" width="0" style="91" hidden="1" customWidth="1"/>
    <col min="11796" max="11806" width="8.875" style="91"/>
    <col min="11807" max="11810" width="0" style="91" hidden="1" customWidth="1"/>
    <col min="11811" max="11818" width="10" style="91" customWidth="1"/>
    <col min="11819" max="12025" width="8.875" style="91"/>
    <col min="12026" max="12026" width="7.5" style="91" customWidth="1"/>
    <col min="12027" max="12027" width="16" style="91" customWidth="1"/>
    <col min="12028" max="12028" width="12.25" style="91" customWidth="1"/>
    <col min="12029" max="12029" width="6.125" style="91" customWidth="1"/>
    <col min="12030" max="12030" width="1.75" style="91" customWidth="1"/>
    <col min="12031" max="12031" width="7.25" style="91" customWidth="1"/>
    <col min="12032" max="12032" width="4.125" style="91" customWidth="1"/>
    <col min="12033" max="12033" width="5.75" style="91" customWidth="1"/>
    <col min="12034" max="12034" width="1.75" style="91" customWidth="1"/>
    <col min="12035" max="12035" width="8.875" style="91"/>
    <col min="12036" max="12036" width="5" style="91" customWidth="1"/>
    <col min="12037" max="12037" width="1.625" style="91" customWidth="1"/>
    <col min="12038" max="12038" width="3.875" style="91" customWidth="1"/>
    <col min="12039" max="12039" width="2.125" style="91" customWidth="1"/>
    <col min="12040" max="12041" width="4" style="91" customWidth="1"/>
    <col min="12042" max="12042" width="13.75" style="91" customWidth="1"/>
    <col min="12043" max="12043" width="1.5" style="91" customWidth="1"/>
    <col min="12044" max="12044" width="3.5" style="91" customWidth="1"/>
    <col min="12045" max="12045" width="1.625" style="91" customWidth="1"/>
    <col min="12046" max="12046" width="72.5" style="91" customWidth="1"/>
    <col min="12047" max="12047" width="8.375" style="91" customWidth="1"/>
    <col min="12048" max="12051" width="0" style="91" hidden="1" customWidth="1"/>
    <col min="12052" max="12062" width="8.875" style="91"/>
    <col min="12063" max="12066" width="0" style="91" hidden="1" customWidth="1"/>
    <col min="12067" max="12074" width="10" style="91" customWidth="1"/>
    <col min="12075" max="12281" width="8.875" style="91"/>
    <col min="12282" max="12282" width="7.5" style="91" customWidth="1"/>
    <col min="12283" max="12283" width="16" style="91" customWidth="1"/>
    <col min="12284" max="12284" width="12.25" style="91" customWidth="1"/>
    <col min="12285" max="12285" width="6.125" style="91" customWidth="1"/>
    <col min="12286" max="12286" width="1.75" style="91" customWidth="1"/>
    <col min="12287" max="12287" width="7.25" style="91" customWidth="1"/>
    <col min="12288" max="12288" width="4.125" style="91" customWidth="1"/>
    <col min="12289" max="12289" width="5.75" style="91" customWidth="1"/>
    <col min="12290" max="12290" width="1.75" style="91" customWidth="1"/>
    <col min="12291" max="12291" width="8.875" style="91"/>
    <col min="12292" max="12292" width="5" style="91" customWidth="1"/>
    <col min="12293" max="12293" width="1.625" style="91" customWidth="1"/>
    <col min="12294" max="12294" width="3.875" style="91" customWidth="1"/>
    <col min="12295" max="12295" width="2.125" style="91" customWidth="1"/>
    <col min="12296" max="12297" width="4" style="91" customWidth="1"/>
    <col min="12298" max="12298" width="13.75" style="91" customWidth="1"/>
    <col min="12299" max="12299" width="1.5" style="91" customWidth="1"/>
    <col min="12300" max="12300" width="3.5" style="91" customWidth="1"/>
    <col min="12301" max="12301" width="1.625" style="91" customWidth="1"/>
    <col min="12302" max="12302" width="72.5" style="91" customWidth="1"/>
    <col min="12303" max="12303" width="8.375" style="91" customWidth="1"/>
    <col min="12304" max="12307" width="0" style="91" hidden="1" customWidth="1"/>
    <col min="12308" max="12318" width="8.875" style="91"/>
    <col min="12319" max="12322" width="0" style="91" hidden="1" customWidth="1"/>
    <col min="12323" max="12330" width="10" style="91" customWidth="1"/>
    <col min="12331" max="12537" width="8.875" style="91"/>
    <col min="12538" max="12538" width="7.5" style="91" customWidth="1"/>
    <col min="12539" max="12539" width="16" style="91" customWidth="1"/>
    <col min="12540" max="12540" width="12.25" style="91" customWidth="1"/>
    <col min="12541" max="12541" width="6.125" style="91" customWidth="1"/>
    <col min="12542" max="12542" width="1.75" style="91" customWidth="1"/>
    <col min="12543" max="12543" width="7.25" style="91" customWidth="1"/>
    <col min="12544" max="12544" width="4.125" style="91" customWidth="1"/>
    <col min="12545" max="12545" width="5.75" style="91" customWidth="1"/>
    <col min="12546" max="12546" width="1.75" style="91" customWidth="1"/>
    <col min="12547" max="12547" width="8.875" style="91"/>
    <col min="12548" max="12548" width="5" style="91" customWidth="1"/>
    <col min="12549" max="12549" width="1.625" style="91" customWidth="1"/>
    <col min="12550" max="12550" width="3.875" style="91" customWidth="1"/>
    <col min="12551" max="12551" width="2.125" style="91" customWidth="1"/>
    <col min="12552" max="12553" width="4" style="91" customWidth="1"/>
    <col min="12554" max="12554" width="13.75" style="91" customWidth="1"/>
    <col min="12555" max="12555" width="1.5" style="91" customWidth="1"/>
    <col min="12556" max="12556" width="3.5" style="91" customWidth="1"/>
    <col min="12557" max="12557" width="1.625" style="91" customWidth="1"/>
    <col min="12558" max="12558" width="72.5" style="91" customWidth="1"/>
    <col min="12559" max="12559" width="8.375" style="91" customWidth="1"/>
    <col min="12560" max="12563" width="0" style="91" hidden="1" customWidth="1"/>
    <col min="12564" max="12574" width="8.875" style="91"/>
    <col min="12575" max="12578" width="0" style="91" hidden="1" customWidth="1"/>
    <col min="12579" max="12586" width="10" style="91" customWidth="1"/>
    <col min="12587" max="12793" width="8.875" style="91"/>
    <col min="12794" max="12794" width="7.5" style="91" customWidth="1"/>
    <col min="12795" max="12795" width="16" style="91" customWidth="1"/>
    <col min="12796" max="12796" width="12.25" style="91" customWidth="1"/>
    <col min="12797" max="12797" width="6.125" style="91" customWidth="1"/>
    <col min="12798" max="12798" width="1.75" style="91" customWidth="1"/>
    <col min="12799" max="12799" width="7.25" style="91" customWidth="1"/>
    <col min="12800" max="12800" width="4.125" style="91" customWidth="1"/>
    <col min="12801" max="12801" width="5.75" style="91" customWidth="1"/>
    <col min="12802" max="12802" width="1.75" style="91" customWidth="1"/>
    <col min="12803" max="12803" width="8.875" style="91"/>
    <col min="12804" max="12804" width="5" style="91" customWidth="1"/>
    <col min="12805" max="12805" width="1.625" style="91" customWidth="1"/>
    <col min="12806" max="12806" width="3.875" style="91" customWidth="1"/>
    <col min="12807" max="12807" width="2.125" style="91" customWidth="1"/>
    <col min="12808" max="12809" width="4" style="91" customWidth="1"/>
    <col min="12810" max="12810" width="13.75" style="91" customWidth="1"/>
    <col min="12811" max="12811" width="1.5" style="91" customWidth="1"/>
    <col min="12812" max="12812" width="3.5" style="91" customWidth="1"/>
    <col min="12813" max="12813" width="1.625" style="91" customWidth="1"/>
    <col min="12814" max="12814" width="72.5" style="91" customWidth="1"/>
    <col min="12815" max="12815" width="8.375" style="91" customWidth="1"/>
    <col min="12816" max="12819" width="0" style="91" hidden="1" customWidth="1"/>
    <col min="12820" max="12830" width="8.875" style="91"/>
    <col min="12831" max="12834" width="0" style="91" hidden="1" customWidth="1"/>
    <col min="12835" max="12842" width="10" style="91" customWidth="1"/>
    <col min="12843" max="13049" width="8.875" style="91"/>
    <col min="13050" max="13050" width="7.5" style="91" customWidth="1"/>
    <col min="13051" max="13051" width="16" style="91" customWidth="1"/>
    <col min="13052" max="13052" width="12.25" style="91" customWidth="1"/>
    <col min="13053" max="13053" width="6.125" style="91" customWidth="1"/>
    <col min="13054" max="13054" width="1.75" style="91" customWidth="1"/>
    <col min="13055" max="13055" width="7.25" style="91" customWidth="1"/>
    <col min="13056" max="13056" width="4.125" style="91" customWidth="1"/>
    <col min="13057" max="13057" width="5.75" style="91" customWidth="1"/>
    <col min="13058" max="13058" width="1.75" style="91" customWidth="1"/>
    <col min="13059" max="13059" width="8.875" style="91"/>
    <col min="13060" max="13060" width="5" style="91" customWidth="1"/>
    <col min="13061" max="13061" width="1.625" style="91" customWidth="1"/>
    <col min="13062" max="13062" width="3.875" style="91" customWidth="1"/>
    <col min="13063" max="13063" width="2.125" style="91" customWidth="1"/>
    <col min="13064" max="13065" width="4" style="91" customWidth="1"/>
    <col min="13066" max="13066" width="13.75" style="91" customWidth="1"/>
    <col min="13067" max="13067" width="1.5" style="91" customWidth="1"/>
    <col min="13068" max="13068" width="3.5" style="91" customWidth="1"/>
    <col min="13069" max="13069" width="1.625" style="91" customWidth="1"/>
    <col min="13070" max="13070" width="72.5" style="91" customWidth="1"/>
    <col min="13071" max="13071" width="8.375" style="91" customWidth="1"/>
    <col min="13072" max="13075" width="0" style="91" hidden="1" customWidth="1"/>
    <col min="13076" max="13086" width="8.875" style="91"/>
    <col min="13087" max="13090" width="0" style="91" hidden="1" customWidth="1"/>
    <col min="13091" max="13098" width="10" style="91" customWidth="1"/>
    <col min="13099" max="13305" width="8.875" style="91"/>
    <col min="13306" max="13306" width="7.5" style="91" customWidth="1"/>
    <col min="13307" max="13307" width="16" style="91" customWidth="1"/>
    <col min="13308" max="13308" width="12.25" style="91" customWidth="1"/>
    <col min="13309" max="13309" width="6.125" style="91" customWidth="1"/>
    <col min="13310" max="13310" width="1.75" style="91" customWidth="1"/>
    <col min="13311" max="13311" width="7.25" style="91" customWidth="1"/>
    <col min="13312" max="13312" width="4.125" style="91" customWidth="1"/>
    <col min="13313" max="13313" width="5.75" style="91" customWidth="1"/>
    <col min="13314" max="13314" width="1.75" style="91" customWidth="1"/>
    <col min="13315" max="13315" width="8.875" style="91"/>
    <col min="13316" max="13316" width="5" style="91" customWidth="1"/>
    <col min="13317" max="13317" width="1.625" style="91" customWidth="1"/>
    <col min="13318" max="13318" width="3.875" style="91" customWidth="1"/>
    <col min="13319" max="13319" width="2.125" style="91" customWidth="1"/>
    <col min="13320" max="13321" width="4" style="91" customWidth="1"/>
    <col min="13322" max="13322" width="13.75" style="91" customWidth="1"/>
    <col min="13323" max="13323" width="1.5" style="91" customWidth="1"/>
    <col min="13324" max="13324" width="3.5" style="91" customWidth="1"/>
    <col min="13325" max="13325" width="1.625" style="91" customWidth="1"/>
    <col min="13326" max="13326" width="72.5" style="91" customWidth="1"/>
    <col min="13327" max="13327" width="8.375" style="91" customWidth="1"/>
    <col min="13328" max="13331" width="0" style="91" hidden="1" customWidth="1"/>
    <col min="13332" max="13342" width="8.875" style="91"/>
    <col min="13343" max="13346" width="0" style="91" hidden="1" customWidth="1"/>
    <col min="13347" max="13354" width="10" style="91" customWidth="1"/>
    <col min="13355" max="13561" width="8.875" style="91"/>
    <col min="13562" max="13562" width="7.5" style="91" customWidth="1"/>
    <col min="13563" max="13563" width="16" style="91" customWidth="1"/>
    <col min="13564" max="13564" width="12.25" style="91" customWidth="1"/>
    <col min="13565" max="13565" width="6.125" style="91" customWidth="1"/>
    <col min="13566" max="13566" width="1.75" style="91" customWidth="1"/>
    <col min="13567" max="13567" width="7.25" style="91" customWidth="1"/>
    <col min="13568" max="13568" width="4.125" style="91" customWidth="1"/>
    <col min="13569" max="13569" width="5.75" style="91" customWidth="1"/>
    <col min="13570" max="13570" width="1.75" style="91" customWidth="1"/>
    <col min="13571" max="13571" width="8.875" style="91"/>
    <col min="13572" max="13572" width="5" style="91" customWidth="1"/>
    <col min="13573" max="13573" width="1.625" style="91" customWidth="1"/>
    <col min="13574" max="13574" width="3.875" style="91" customWidth="1"/>
    <col min="13575" max="13575" width="2.125" style="91" customWidth="1"/>
    <col min="13576" max="13577" width="4" style="91" customWidth="1"/>
    <col min="13578" max="13578" width="13.75" style="91" customWidth="1"/>
    <col min="13579" max="13579" width="1.5" style="91" customWidth="1"/>
    <col min="13580" max="13580" width="3.5" style="91" customWidth="1"/>
    <col min="13581" max="13581" width="1.625" style="91" customWidth="1"/>
    <col min="13582" max="13582" width="72.5" style="91" customWidth="1"/>
    <col min="13583" max="13583" width="8.375" style="91" customWidth="1"/>
    <col min="13584" max="13587" width="0" style="91" hidden="1" customWidth="1"/>
    <col min="13588" max="13598" width="8.875" style="91"/>
    <col min="13599" max="13602" width="0" style="91" hidden="1" customWidth="1"/>
    <col min="13603" max="13610" width="10" style="91" customWidth="1"/>
    <col min="13611" max="13817" width="8.875" style="91"/>
    <col min="13818" max="13818" width="7.5" style="91" customWidth="1"/>
    <col min="13819" max="13819" width="16" style="91" customWidth="1"/>
    <col min="13820" max="13820" width="12.25" style="91" customWidth="1"/>
    <col min="13821" max="13821" width="6.125" style="91" customWidth="1"/>
    <col min="13822" max="13822" width="1.75" style="91" customWidth="1"/>
    <col min="13823" max="13823" width="7.25" style="91" customWidth="1"/>
    <col min="13824" max="13824" width="4.125" style="91" customWidth="1"/>
    <col min="13825" max="13825" width="5.75" style="91" customWidth="1"/>
    <col min="13826" max="13826" width="1.75" style="91" customWidth="1"/>
    <col min="13827" max="13827" width="8.875" style="91"/>
    <col min="13828" max="13828" width="5" style="91" customWidth="1"/>
    <col min="13829" max="13829" width="1.625" style="91" customWidth="1"/>
    <col min="13830" max="13830" width="3.875" style="91" customWidth="1"/>
    <col min="13831" max="13831" width="2.125" style="91" customWidth="1"/>
    <col min="13832" max="13833" width="4" style="91" customWidth="1"/>
    <col min="13834" max="13834" width="13.75" style="91" customWidth="1"/>
    <col min="13835" max="13835" width="1.5" style="91" customWidth="1"/>
    <col min="13836" max="13836" width="3.5" style="91" customWidth="1"/>
    <col min="13837" max="13837" width="1.625" style="91" customWidth="1"/>
    <col min="13838" max="13838" width="72.5" style="91" customWidth="1"/>
    <col min="13839" max="13839" width="8.375" style="91" customWidth="1"/>
    <col min="13840" max="13843" width="0" style="91" hidden="1" customWidth="1"/>
    <col min="13844" max="13854" width="8.875" style="91"/>
    <col min="13855" max="13858" width="0" style="91" hidden="1" customWidth="1"/>
    <col min="13859" max="13866" width="10" style="91" customWidth="1"/>
    <col min="13867" max="14073" width="8.875" style="91"/>
    <col min="14074" max="14074" width="7.5" style="91" customWidth="1"/>
    <col min="14075" max="14075" width="16" style="91" customWidth="1"/>
    <col min="14076" max="14076" width="12.25" style="91" customWidth="1"/>
    <col min="14077" max="14077" width="6.125" style="91" customWidth="1"/>
    <col min="14078" max="14078" width="1.75" style="91" customWidth="1"/>
    <col min="14079" max="14079" width="7.25" style="91" customWidth="1"/>
    <col min="14080" max="14080" width="4.125" style="91" customWidth="1"/>
    <col min="14081" max="14081" width="5.75" style="91" customWidth="1"/>
    <col min="14082" max="14082" width="1.75" style="91" customWidth="1"/>
    <col min="14083" max="14083" width="8.875" style="91"/>
    <col min="14084" max="14084" width="5" style="91" customWidth="1"/>
    <col min="14085" max="14085" width="1.625" style="91" customWidth="1"/>
    <col min="14086" max="14086" width="3.875" style="91" customWidth="1"/>
    <col min="14087" max="14087" width="2.125" style="91" customWidth="1"/>
    <col min="14088" max="14089" width="4" style="91" customWidth="1"/>
    <col min="14090" max="14090" width="13.75" style="91" customWidth="1"/>
    <col min="14091" max="14091" width="1.5" style="91" customWidth="1"/>
    <col min="14092" max="14092" width="3.5" style="91" customWidth="1"/>
    <col min="14093" max="14093" width="1.625" style="91" customWidth="1"/>
    <col min="14094" max="14094" width="72.5" style="91" customWidth="1"/>
    <col min="14095" max="14095" width="8.375" style="91" customWidth="1"/>
    <col min="14096" max="14099" width="0" style="91" hidden="1" customWidth="1"/>
    <col min="14100" max="14110" width="8.875" style="91"/>
    <col min="14111" max="14114" width="0" style="91" hidden="1" customWidth="1"/>
    <col min="14115" max="14122" width="10" style="91" customWidth="1"/>
    <col min="14123" max="14329" width="8.875" style="91"/>
    <col min="14330" max="14330" width="7.5" style="91" customWidth="1"/>
    <col min="14331" max="14331" width="16" style="91" customWidth="1"/>
    <col min="14332" max="14332" width="12.25" style="91" customWidth="1"/>
    <col min="14333" max="14333" width="6.125" style="91" customWidth="1"/>
    <col min="14334" max="14334" width="1.75" style="91" customWidth="1"/>
    <col min="14335" max="14335" width="7.25" style="91" customWidth="1"/>
    <col min="14336" max="14336" width="4.125" style="91" customWidth="1"/>
    <col min="14337" max="14337" width="5.75" style="91" customWidth="1"/>
    <col min="14338" max="14338" width="1.75" style="91" customWidth="1"/>
    <col min="14339" max="14339" width="8.875" style="91"/>
    <col min="14340" max="14340" width="5" style="91" customWidth="1"/>
    <col min="14341" max="14341" width="1.625" style="91" customWidth="1"/>
    <col min="14342" max="14342" width="3.875" style="91" customWidth="1"/>
    <col min="14343" max="14343" width="2.125" style="91" customWidth="1"/>
    <col min="14344" max="14345" width="4" style="91" customWidth="1"/>
    <col min="14346" max="14346" width="13.75" style="91" customWidth="1"/>
    <col min="14347" max="14347" width="1.5" style="91" customWidth="1"/>
    <col min="14348" max="14348" width="3.5" style="91" customWidth="1"/>
    <col min="14349" max="14349" width="1.625" style="91" customWidth="1"/>
    <col min="14350" max="14350" width="72.5" style="91" customWidth="1"/>
    <col min="14351" max="14351" width="8.375" style="91" customWidth="1"/>
    <col min="14352" max="14355" width="0" style="91" hidden="1" customWidth="1"/>
    <col min="14356" max="14366" width="8.875" style="91"/>
    <col min="14367" max="14370" width="0" style="91" hidden="1" customWidth="1"/>
    <col min="14371" max="14378" width="10" style="91" customWidth="1"/>
    <col min="14379" max="14585" width="8.875" style="91"/>
    <col min="14586" max="14586" width="7.5" style="91" customWidth="1"/>
    <col min="14587" max="14587" width="16" style="91" customWidth="1"/>
    <col min="14588" max="14588" width="12.25" style="91" customWidth="1"/>
    <col min="14589" max="14589" width="6.125" style="91" customWidth="1"/>
    <col min="14590" max="14590" width="1.75" style="91" customWidth="1"/>
    <col min="14591" max="14591" width="7.25" style="91" customWidth="1"/>
    <col min="14592" max="14592" width="4.125" style="91" customWidth="1"/>
    <col min="14593" max="14593" width="5.75" style="91" customWidth="1"/>
    <col min="14594" max="14594" width="1.75" style="91" customWidth="1"/>
    <col min="14595" max="14595" width="8.875" style="91"/>
    <col min="14596" max="14596" width="5" style="91" customWidth="1"/>
    <col min="14597" max="14597" width="1.625" style="91" customWidth="1"/>
    <col min="14598" max="14598" width="3.875" style="91" customWidth="1"/>
    <col min="14599" max="14599" width="2.125" style="91" customWidth="1"/>
    <col min="14600" max="14601" width="4" style="91" customWidth="1"/>
    <col min="14602" max="14602" width="13.75" style="91" customWidth="1"/>
    <col min="14603" max="14603" width="1.5" style="91" customWidth="1"/>
    <col min="14604" max="14604" width="3.5" style="91" customWidth="1"/>
    <col min="14605" max="14605" width="1.625" style="91" customWidth="1"/>
    <col min="14606" max="14606" width="72.5" style="91" customWidth="1"/>
    <col min="14607" max="14607" width="8.375" style="91" customWidth="1"/>
    <col min="14608" max="14611" width="0" style="91" hidden="1" customWidth="1"/>
    <col min="14612" max="14622" width="8.875" style="91"/>
    <col min="14623" max="14626" width="0" style="91" hidden="1" customWidth="1"/>
    <col min="14627" max="14634" width="10" style="91" customWidth="1"/>
    <col min="14635" max="14841" width="8.875" style="91"/>
    <col min="14842" max="14842" width="7.5" style="91" customWidth="1"/>
    <col min="14843" max="14843" width="16" style="91" customWidth="1"/>
    <col min="14844" max="14844" width="12.25" style="91" customWidth="1"/>
    <col min="14845" max="14845" width="6.125" style="91" customWidth="1"/>
    <col min="14846" max="14846" width="1.75" style="91" customWidth="1"/>
    <col min="14847" max="14847" width="7.25" style="91" customWidth="1"/>
    <col min="14848" max="14848" width="4.125" style="91" customWidth="1"/>
    <col min="14849" max="14849" width="5.75" style="91" customWidth="1"/>
    <col min="14850" max="14850" width="1.75" style="91" customWidth="1"/>
    <col min="14851" max="14851" width="8.875" style="91"/>
    <col min="14852" max="14852" width="5" style="91" customWidth="1"/>
    <col min="14853" max="14853" width="1.625" style="91" customWidth="1"/>
    <col min="14854" max="14854" width="3.875" style="91" customWidth="1"/>
    <col min="14855" max="14855" width="2.125" style="91" customWidth="1"/>
    <col min="14856" max="14857" width="4" style="91" customWidth="1"/>
    <col min="14858" max="14858" width="13.75" style="91" customWidth="1"/>
    <col min="14859" max="14859" width="1.5" style="91" customWidth="1"/>
    <col min="14860" max="14860" width="3.5" style="91" customWidth="1"/>
    <col min="14861" max="14861" width="1.625" style="91" customWidth="1"/>
    <col min="14862" max="14862" width="72.5" style="91" customWidth="1"/>
    <col min="14863" max="14863" width="8.375" style="91" customWidth="1"/>
    <col min="14864" max="14867" width="0" style="91" hidden="1" customWidth="1"/>
    <col min="14868" max="14878" width="8.875" style="91"/>
    <col min="14879" max="14882" width="0" style="91" hidden="1" customWidth="1"/>
    <col min="14883" max="14890" width="10" style="91" customWidth="1"/>
    <col min="14891" max="15097" width="8.875" style="91"/>
    <col min="15098" max="15098" width="7.5" style="91" customWidth="1"/>
    <col min="15099" max="15099" width="16" style="91" customWidth="1"/>
    <col min="15100" max="15100" width="12.25" style="91" customWidth="1"/>
    <col min="15101" max="15101" width="6.125" style="91" customWidth="1"/>
    <col min="15102" max="15102" width="1.75" style="91" customWidth="1"/>
    <col min="15103" max="15103" width="7.25" style="91" customWidth="1"/>
    <col min="15104" max="15104" width="4.125" style="91" customWidth="1"/>
    <col min="15105" max="15105" width="5.75" style="91" customWidth="1"/>
    <col min="15106" max="15106" width="1.75" style="91" customWidth="1"/>
    <col min="15107" max="15107" width="8.875" style="91"/>
    <col min="15108" max="15108" width="5" style="91" customWidth="1"/>
    <col min="15109" max="15109" width="1.625" style="91" customWidth="1"/>
    <col min="15110" max="15110" width="3.875" style="91" customWidth="1"/>
    <col min="15111" max="15111" width="2.125" style="91" customWidth="1"/>
    <col min="15112" max="15113" width="4" style="91" customWidth="1"/>
    <col min="15114" max="15114" width="13.75" style="91" customWidth="1"/>
    <col min="15115" max="15115" width="1.5" style="91" customWidth="1"/>
    <col min="15116" max="15116" width="3.5" style="91" customWidth="1"/>
    <col min="15117" max="15117" width="1.625" style="91" customWidth="1"/>
    <col min="15118" max="15118" width="72.5" style="91" customWidth="1"/>
    <col min="15119" max="15119" width="8.375" style="91" customWidth="1"/>
    <col min="15120" max="15123" width="0" style="91" hidden="1" customWidth="1"/>
    <col min="15124" max="15134" width="8.875" style="91"/>
    <col min="15135" max="15138" width="0" style="91" hidden="1" customWidth="1"/>
    <col min="15139" max="15146" width="10" style="91" customWidth="1"/>
    <col min="15147" max="15353" width="8.875" style="91"/>
    <col min="15354" max="15354" width="7.5" style="91" customWidth="1"/>
    <col min="15355" max="15355" width="16" style="91" customWidth="1"/>
    <col min="15356" max="15356" width="12.25" style="91" customWidth="1"/>
    <col min="15357" max="15357" width="6.125" style="91" customWidth="1"/>
    <col min="15358" max="15358" width="1.75" style="91" customWidth="1"/>
    <col min="15359" max="15359" width="7.25" style="91" customWidth="1"/>
    <col min="15360" max="15360" width="4.125" style="91" customWidth="1"/>
    <col min="15361" max="15361" width="5.75" style="91" customWidth="1"/>
    <col min="15362" max="15362" width="1.75" style="91" customWidth="1"/>
    <col min="15363" max="15363" width="8.875" style="91"/>
    <col min="15364" max="15364" width="5" style="91" customWidth="1"/>
    <col min="15365" max="15365" width="1.625" style="91" customWidth="1"/>
    <col min="15366" max="15366" width="3.875" style="91" customWidth="1"/>
    <col min="15367" max="15367" width="2.125" style="91" customWidth="1"/>
    <col min="15368" max="15369" width="4" style="91" customWidth="1"/>
    <col min="15370" max="15370" width="13.75" style="91" customWidth="1"/>
    <col min="15371" max="15371" width="1.5" style="91" customWidth="1"/>
    <col min="15372" max="15372" width="3.5" style="91" customWidth="1"/>
    <col min="15373" max="15373" width="1.625" style="91" customWidth="1"/>
    <col min="15374" max="15374" width="72.5" style="91" customWidth="1"/>
    <col min="15375" max="15375" width="8.375" style="91" customWidth="1"/>
    <col min="15376" max="15379" width="0" style="91" hidden="1" customWidth="1"/>
    <col min="15380" max="15390" width="8.875" style="91"/>
    <col min="15391" max="15394" width="0" style="91" hidden="1" customWidth="1"/>
    <col min="15395" max="15402" width="10" style="91" customWidth="1"/>
    <col min="15403" max="15609" width="8.875" style="91"/>
    <col min="15610" max="15610" width="7.5" style="91" customWidth="1"/>
    <col min="15611" max="15611" width="16" style="91" customWidth="1"/>
    <col min="15612" max="15612" width="12.25" style="91" customWidth="1"/>
    <col min="15613" max="15613" width="6.125" style="91" customWidth="1"/>
    <col min="15614" max="15614" width="1.75" style="91" customWidth="1"/>
    <col min="15615" max="15615" width="7.25" style="91" customWidth="1"/>
    <col min="15616" max="15616" width="4.125" style="91" customWidth="1"/>
    <col min="15617" max="15617" width="5.75" style="91" customWidth="1"/>
    <col min="15618" max="15618" width="1.75" style="91" customWidth="1"/>
    <col min="15619" max="15619" width="8.875" style="91"/>
    <col min="15620" max="15620" width="5" style="91" customWidth="1"/>
    <col min="15621" max="15621" width="1.625" style="91" customWidth="1"/>
    <col min="15622" max="15622" width="3.875" style="91" customWidth="1"/>
    <col min="15623" max="15623" width="2.125" style="91" customWidth="1"/>
    <col min="15624" max="15625" width="4" style="91" customWidth="1"/>
    <col min="15626" max="15626" width="13.75" style="91" customWidth="1"/>
    <col min="15627" max="15627" width="1.5" style="91" customWidth="1"/>
    <col min="15628" max="15628" width="3.5" style="91" customWidth="1"/>
    <col min="15629" max="15629" width="1.625" style="91" customWidth="1"/>
    <col min="15630" max="15630" width="72.5" style="91" customWidth="1"/>
    <col min="15631" max="15631" width="8.375" style="91" customWidth="1"/>
    <col min="15632" max="15635" width="0" style="91" hidden="1" customWidth="1"/>
    <col min="15636" max="15646" width="8.875" style="91"/>
    <col min="15647" max="15650" width="0" style="91" hidden="1" customWidth="1"/>
    <col min="15651" max="15658" width="10" style="91" customWidth="1"/>
    <col min="15659" max="15865" width="8.875" style="91"/>
    <col min="15866" max="15866" width="7.5" style="91" customWidth="1"/>
    <col min="15867" max="15867" width="16" style="91" customWidth="1"/>
    <col min="15868" max="15868" width="12.25" style="91" customWidth="1"/>
    <col min="15869" max="15869" width="6.125" style="91" customWidth="1"/>
    <col min="15870" max="15870" width="1.75" style="91" customWidth="1"/>
    <col min="15871" max="15871" width="7.25" style="91" customWidth="1"/>
    <col min="15872" max="15872" width="4.125" style="91" customWidth="1"/>
    <col min="15873" max="15873" width="5.75" style="91" customWidth="1"/>
    <col min="15874" max="15874" width="1.75" style="91" customWidth="1"/>
    <col min="15875" max="15875" width="8.875" style="91"/>
    <col min="15876" max="15876" width="5" style="91" customWidth="1"/>
    <col min="15877" max="15877" width="1.625" style="91" customWidth="1"/>
    <col min="15878" max="15878" width="3.875" style="91" customWidth="1"/>
    <col min="15879" max="15879" width="2.125" style="91" customWidth="1"/>
    <col min="15880" max="15881" width="4" style="91" customWidth="1"/>
    <col min="15882" max="15882" width="13.75" style="91" customWidth="1"/>
    <col min="15883" max="15883" width="1.5" style="91" customWidth="1"/>
    <col min="15884" max="15884" width="3.5" style="91" customWidth="1"/>
    <col min="15885" max="15885" width="1.625" style="91" customWidth="1"/>
    <col min="15886" max="15886" width="72.5" style="91" customWidth="1"/>
    <col min="15887" max="15887" width="8.375" style="91" customWidth="1"/>
    <col min="15888" max="15891" width="0" style="91" hidden="1" customWidth="1"/>
    <col min="15892" max="15902" width="8.875" style="91"/>
    <col min="15903" max="15906" width="0" style="91" hidden="1" customWidth="1"/>
    <col min="15907" max="15914" width="10" style="91" customWidth="1"/>
    <col min="15915" max="16121" width="8.875" style="91"/>
    <col min="16122" max="16122" width="7.5" style="91" customWidth="1"/>
    <col min="16123" max="16123" width="16" style="91" customWidth="1"/>
    <col min="16124" max="16124" width="12.25" style="91" customWidth="1"/>
    <col min="16125" max="16125" width="6.125" style="91" customWidth="1"/>
    <col min="16126" max="16126" width="1.75" style="91" customWidth="1"/>
    <col min="16127" max="16127" width="7.25" style="91" customWidth="1"/>
    <col min="16128" max="16128" width="4.125" style="91" customWidth="1"/>
    <col min="16129" max="16129" width="5.75" style="91" customWidth="1"/>
    <col min="16130" max="16130" width="1.75" style="91" customWidth="1"/>
    <col min="16131" max="16131" width="8.875" style="91"/>
    <col min="16132" max="16132" width="5" style="91" customWidth="1"/>
    <col min="16133" max="16133" width="1.625" style="91" customWidth="1"/>
    <col min="16134" max="16134" width="3.875" style="91" customWidth="1"/>
    <col min="16135" max="16135" width="2.125" style="91" customWidth="1"/>
    <col min="16136" max="16137" width="4" style="91" customWidth="1"/>
    <col min="16138" max="16138" width="13.75" style="91" customWidth="1"/>
    <col min="16139" max="16139" width="1.5" style="91" customWidth="1"/>
    <col min="16140" max="16140" width="3.5" style="91" customWidth="1"/>
    <col min="16141" max="16141" width="1.625" style="91" customWidth="1"/>
    <col min="16142" max="16142" width="72.5" style="91" customWidth="1"/>
    <col min="16143" max="16143" width="8.375" style="91" customWidth="1"/>
    <col min="16144" max="16147" width="0" style="91" hidden="1" customWidth="1"/>
    <col min="16148" max="16158" width="8.875" style="91"/>
    <col min="16159" max="16162" width="0" style="91" hidden="1" customWidth="1"/>
    <col min="16163" max="16170" width="10" style="91" customWidth="1"/>
    <col min="16171" max="16378" width="8.875" style="91"/>
    <col min="16379" max="16384" width="8.875" style="91" customWidth="1"/>
  </cols>
  <sheetData>
    <row r="1" spans="1:31">
      <c r="A1" s="192" t="s">
        <v>198</v>
      </c>
    </row>
    <row r="2" spans="1:31" ht="21" customHeight="1" thickBot="1"/>
    <row r="3" spans="1:31" ht="21" customHeight="1">
      <c r="A3" s="323" t="s">
        <v>105</v>
      </c>
      <c r="B3" s="324"/>
      <c r="C3" s="324"/>
      <c r="D3" s="324"/>
      <c r="E3" s="324"/>
      <c r="F3" s="324"/>
      <c r="G3" s="324"/>
      <c r="H3" s="324"/>
      <c r="I3" s="324"/>
      <c r="J3" s="324"/>
      <c r="K3" s="324"/>
      <c r="L3" s="324"/>
      <c r="M3" s="324"/>
      <c r="N3" s="324"/>
      <c r="O3" s="324"/>
      <c r="P3" s="324"/>
      <c r="Q3" s="324"/>
      <c r="R3" s="94"/>
      <c r="S3" s="325" t="s">
        <v>106</v>
      </c>
      <c r="T3" s="326"/>
    </row>
    <row r="4" spans="1:31" ht="21" customHeight="1">
      <c r="A4" s="96"/>
      <c r="B4" s="97"/>
      <c r="C4" s="97"/>
      <c r="D4" s="97"/>
      <c r="E4" s="97"/>
      <c r="F4" s="97"/>
      <c r="G4" s="97"/>
      <c r="H4" s="97"/>
      <c r="I4" s="97"/>
      <c r="J4" s="97"/>
      <c r="K4" s="97"/>
      <c r="L4" s="97"/>
      <c r="M4" s="97"/>
      <c r="N4" s="97"/>
      <c r="O4" s="97"/>
      <c r="P4" s="97"/>
      <c r="Q4" s="97"/>
      <c r="R4" s="94"/>
      <c r="S4" s="98"/>
      <c r="T4" s="99"/>
    </row>
    <row r="5" spans="1:31" ht="21" customHeight="1">
      <c r="S5" s="100"/>
      <c r="T5" s="101"/>
    </row>
    <row r="6" spans="1:31" ht="21" customHeight="1">
      <c r="L6" s="327"/>
      <c r="M6" s="327"/>
      <c r="N6" s="327"/>
      <c r="O6" s="327"/>
      <c r="P6" s="327"/>
      <c r="Q6" s="327"/>
      <c r="R6" s="102"/>
      <c r="S6" s="100"/>
      <c r="T6" s="101"/>
    </row>
    <row r="7" spans="1:31" ht="21" customHeight="1">
      <c r="R7" s="102"/>
      <c r="S7" s="100"/>
      <c r="T7" s="101"/>
    </row>
    <row r="8" spans="1:31" ht="21" customHeight="1">
      <c r="A8" s="91" t="s">
        <v>71</v>
      </c>
      <c r="S8" s="100"/>
      <c r="T8" s="101"/>
    </row>
    <row r="9" spans="1:31" ht="21" customHeight="1">
      <c r="S9" s="100"/>
      <c r="T9" s="101"/>
    </row>
    <row r="10" spans="1:31" ht="21" customHeight="1">
      <c r="S10" s="100"/>
      <c r="T10" s="101"/>
    </row>
    <row r="11" spans="1:31" ht="21" customHeight="1">
      <c r="B11" s="102" t="s">
        <v>107</v>
      </c>
      <c r="C11" s="102"/>
      <c r="E11" s="328" t="s">
        <v>108</v>
      </c>
      <c r="F11" s="328"/>
      <c r="G11" s="328"/>
      <c r="H11" s="329"/>
      <c r="I11" s="330"/>
      <c r="J11" s="330"/>
      <c r="K11" s="330"/>
      <c r="L11" s="330"/>
      <c r="M11" s="330"/>
      <c r="N11" s="330"/>
      <c r="O11" s="330"/>
      <c r="P11" s="330"/>
      <c r="S11" s="100"/>
      <c r="T11" s="101" t="s">
        <v>109</v>
      </c>
    </row>
    <row r="12" spans="1:31" ht="21" customHeight="1">
      <c r="B12" s="102"/>
      <c r="C12" s="102"/>
      <c r="E12" s="328" t="s">
        <v>73</v>
      </c>
      <c r="F12" s="328"/>
      <c r="G12" s="328"/>
      <c r="H12" s="329"/>
      <c r="I12" s="330"/>
      <c r="J12" s="330"/>
      <c r="K12" s="330"/>
      <c r="L12" s="330"/>
      <c r="M12" s="330"/>
      <c r="N12" s="330"/>
      <c r="O12" s="330"/>
      <c r="P12" s="330"/>
      <c r="Q12" s="103"/>
      <c r="S12" s="100"/>
      <c r="T12" s="101" t="s">
        <v>110</v>
      </c>
    </row>
    <row r="13" spans="1:31" ht="21" customHeight="1">
      <c r="B13" s="102"/>
      <c r="C13" s="102"/>
      <c r="E13" s="319" t="s">
        <v>111</v>
      </c>
      <c r="F13" s="319"/>
      <c r="G13" s="319"/>
      <c r="H13" s="320"/>
      <c r="I13" s="321"/>
      <c r="J13" s="321"/>
      <c r="K13" s="321"/>
      <c r="L13" s="321"/>
      <c r="M13" s="321"/>
      <c r="N13" s="321"/>
      <c r="O13" s="321"/>
      <c r="P13" s="321"/>
      <c r="S13" s="100"/>
      <c r="T13" s="101" t="s">
        <v>112</v>
      </c>
    </row>
    <row r="14" spans="1:31" ht="21" customHeight="1">
      <c r="S14" s="100"/>
      <c r="T14" s="101"/>
    </row>
    <row r="15" spans="1:31" ht="21" customHeight="1">
      <c r="A15" s="322" t="s">
        <v>113</v>
      </c>
      <c r="B15" s="322"/>
      <c r="C15" s="322"/>
      <c r="D15" s="322"/>
      <c r="E15" s="322"/>
      <c r="F15" s="322"/>
      <c r="G15" s="322"/>
      <c r="H15" s="322"/>
      <c r="I15" s="322"/>
      <c r="J15" s="322"/>
      <c r="K15" s="322"/>
      <c r="L15" s="322"/>
      <c r="M15" s="322"/>
      <c r="N15" s="322"/>
      <c r="O15" s="322"/>
      <c r="P15" s="322"/>
      <c r="Q15" s="322"/>
      <c r="S15" s="100"/>
      <c r="T15" s="101"/>
    </row>
    <row r="16" spans="1:31" ht="21" customHeight="1">
      <c r="S16" s="100"/>
      <c r="T16" s="101"/>
      <c r="AE16" s="104"/>
    </row>
    <row r="17" spans="1:31" ht="21" customHeight="1">
      <c r="D17" s="105"/>
      <c r="E17" s="107"/>
      <c r="F17" s="107"/>
      <c r="G17" s="107"/>
      <c r="H17" s="107"/>
      <c r="I17" s="107"/>
      <c r="J17" s="107"/>
      <c r="K17" s="107"/>
      <c r="L17" s="107"/>
      <c r="M17" s="107"/>
      <c r="N17" s="107"/>
      <c r="O17" s="107"/>
      <c r="P17" s="107"/>
      <c r="Q17" s="106"/>
      <c r="S17" s="100"/>
      <c r="T17" s="101"/>
      <c r="AE17" s="104"/>
    </row>
    <row r="18" spans="1:31" ht="21" customHeight="1">
      <c r="A18" s="91" t="s">
        <v>118</v>
      </c>
      <c r="D18" s="105"/>
      <c r="E18" s="107"/>
      <c r="F18" s="107"/>
      <c r="G18" s="107"/>
      <c r="H18" s="107"/>
      <c r="I18" s="107"/>
      <c r="J18" s="107"/>
      <c r="K18" s="107"/>
      <c r="L18" s="107"/>
      <c r="M18" s="107"/>
      <c r="N18" s="107"/>
      <c r="O18" s="107"/>
      <c r="P18" s="107"/>
      <c r="Q18" s="106"/>
      <c r="S18" s="100"/>
      <c r="T18" s="101"/>
      <c r="AE18" s="104"/>
    </row>
    <row r="19" spans="1:31" ht="33.6" customHeight="1">
      <c r="B19" s="333"/>
      <c r="C19" s="333"/>
      <c r="D19" s="334" t="s">
        <v>114</v>
      </c>
      <c r="E19" s="334"/>
      <c r="F19" s="334"/>
      <c r="G19" s="334"/>
      <c r="H19" s="334"/>
      <c r="I19" s="335" t="s">
        <v>146</v>
      </c>
      <c r="J19" s="336"/>
      <c r="K19" s="336"/>
      <c r="L19" s="336"/>
      <c r="M19" s="336"/>
      <c r="N19" s="336"/>
      <c r="O19" s="336"/>
      <c r="P19" s="336"/>
      <c r="Q19" s="106"/>
      <c r="S19" s="100"/>
      <c r="T19" s="101"/>
      <c r="AE19" s="104"/>
    </row>
    <row r="20" spans="1:31" ht="36" customHeight="1">
      <c r="B20" s="337" t="s">
        <v>115</v>
      </c>
      <c r="C20" s="337"/>
      <c r="D20" s="338"/>
      <c r="E20" s="339"/>
      <c r="F20" s="339"/>
      <c r="G20" s="339"/>
      <c r="H20" s="340"/>
      <c r="I20" s="338"/>
      <c r="J20" s="339"/>
      <c r="K20" s="339"/>
      <c r="L20" s="339"/>
      <c r="M20" s="339"/>
      <c r="N20" s="339"/>
      <c r="O20" s="339"/>
      <c r="P20" s="340"/>
      <c r="Q20" s="106"/>
      <c r="S20" s="100"/>
      <c r="T20" s="108"/>
    </row>
    <row r="21" spans="1:31" ht="36" customHeight="1">
      <c r="B21" s="337" t="s">
        <v>116</v>
      </c>
      <c r="C21" s="337"/>
      <c r="D21" s="338"/>
      <c r="E21" s="339"/>
      <c r="F21" s="339"/>
      <c r="G21" s="339"/>
      <c r="H21" s="340"/>
      <c r="I21" s="338"/>
      <c r="J21" s="339"/>
      <c r="K21" s="339"/>
      <c r="L21" s="339"/>
      <c r="M21" s="339"/>
      <c r="N21" s="339"/>
      <c r="O21" s="339"/>
      <c r="P21" s="340"/>
      <c r="Q21" s="106"/>
      <c r="S21" s="100"/>
      <c r="T21" s="101"/>
    </row>
    <row r="22" spans="1:31" ht="21" customHeight="1">
      <c r="K22" s="341"/>
      <c r="L22" s="341"/>
      <c r="M22" s="341"/>
      <c r="N22" s="102"/>
      <c r="S22" s="100"/>
      <c r="T22" s="101"/>
    </row>
    <row r="23" spans="1:31" ht="21" customHeight="1">
      <c r="A23" s="91" t="s">
        <v>119</v>
      </c>
      <c r="D23" s="105"/>
      <c r="E23" s="107"/>
      <c r="F23" s="107"/>
      <c r="G23" s="107"/>
      <c r="H23" s="107"/>
      <c r="I23" s="107"/>
      <c r="J23" s="107"/>
      <c r="K23" s="107"/>
      <c r="L23" s="107"/>
      <c r="M23" s="107"/>
      <c r="N23" s="107"/>
      <c r="O23" s="107"/>
      <c r="P23" s="107"/>
      <c r="Q23" s="109"/>
      <c r="S23" s="100"/>
      <c r="T23" s="101"/>
      <c r="AE23" s="104"/>
    </row>
    <row r="24" spans="1:31" ht="21" customHeight="1">
      <c r="B24" s="342"/>
      <c r="C24" s="343"/>
      <c r="D24" s="343"/>
      <c r="E24" s="343"/>
      <c r="F24" s="343"/>
      <c r="G24" s="343"/>
      <c r="H24" s="343"/>
      <c r="I24" s="343"/>
      <c r="J24" s="343"/>
      <c r="K24" s="343"/>
      <c r="L24" s="343"/>
      <c r="M24" s="343"/>
      <c r="N24" s="343"/>
      <c r="O24" s="343"/>
      <c r="P24" s="343"/>
      <c r="Q24" s="106"/>
      <c r="S24" s="100"/>
      <c r="T24" s="101"/>
    </row>
    <row r="25" spans="1:31" ht="21" customHeight="1">
      <c r="B25" s="343"/>
      <c r="C25" s="343"/>
      <c r="D25" s="343"/>
      <c r="E25" s="343"/>
      <c r="F25" s="343"/>
      <c r="G25" s="343"/>
      <c r="H25" s="343"/>
      <c r="I25" s="343"/>
      <c r="J25" s="343"/>
      <c r="K25" s="343"/>
      <c r="L25" s="343"/>
      <c r="M25" s="343"/>
      <c r="N25" s="343"/>
      <c r="O25" s="343"/>
      <c r="P25" s="343"/>
      <c r="S25" s="100"/>
      <c r="T25" s="101"/>
    </row>
    <row r="26" spans="1:31" ht="21" customHeight="1">
      <c r="B26" s="343"/>
      <c r="C26" s="343"/>
      <c r="D26" s="343"/>
      <c r="E26" s="343"/>
      <c r="F26" s="343"/>
      <c r="G26" s="343"/>
      <c r="H26" s="343"/>
      <c r="I26" s="343"/>
      <c r="J26" s="343"/>
      <c r="K26" s="343"/>
      <c r="L26" s="343"/>
      <c r="M26" s="343"/>
      <c r="N26" s="343"/>
      <c r="O26" s="343"/>
      <c r="P26" s="343"/>
      <c r="S26" s="110"/>
      <c r="T26" s="111"/>
    </row>
    <row r="27" spans="1:31" ht="21" customHeight="1"/>
    <row r="28" spans="1:31" ht="21" customHeight="1">
      <c r="J28" s="91" t="s">
        <v>117</v>
      </c>
    </row>
    <row r="29" spans="1:31" ht="21" customHeight="1">
      <c r="J29" s="331"/>
      <c r="K29" s="332"/>
      <c r="L29" s="332"/>
      <c r="M29" s="332"/>
      <c r="N29" s="332"/>
      <c r="O29" s="332"/>
      <c r="P29" s="332"/>
    </row>
    <row r="30" spans="1:31" ht="21" customHeight="1">
      <c r="J30" s="332"/>
      <c r="K30" s="332"/>
      <c r="L30" s="332"/>
      <c r="M30" s="332"/>
      <c r="N30" s="332"/>
      <c r="O30" s="332"/>
      <c r="P30" s="332"/>
    </row>
    <row r="31" spans="1:31" ht="21" customHeight="1">
      <c r="J31" s="332"/>
      <c r="K31" s="332"/>
      <c r="L31" s="332"/>
      <c r="M31" s="332"/>
      <c r="N31" s="332"/>
      <c r="O31" s="332"/>
      <c r="P31" s="332"/>
    </row>
    <row r="32" spans="1:31" ht="21" customHeight="1">
      <c r="J32" s="332"/>
      <c r="K32" s="332"/>
      <c r="L32" s="332"/>
      <c r="M32" s="332"/>
      <c r="N32" s="332"/>
      <c r="O32" s="332"/>
      <c r="P32" s="332"/>
    </row>
    <row r="33" spans="10:16" ht="21" customHeight="1">
      <c r="J33" s="112"/>
      <c r="K33" s="112"/>
      <c r="L33" s="112"/>
      <c r="M33" s="112"/>
      <c r="N33" s="112"/>
      <c r="O33" s="112"/>
      <c r="P33" s="112"/>
    </row>
    <row r="34" spans="10:16" ht="21" customHeight="1">
      <c r="J34" s="112"/>
      <c r="K34" s="112"/>
      <c r="L34" s="112"/>
      <c r="M34" s="112"/>
      <c r="N34" s="112"/>
      <c r="O34" s="112"/>
      <c r="P34" s="112"/>
    </row>
    <row r="35" spans="10:16" ht="21" customHeight="1">
      <c r="J35" s="112"/>
      <c r="K35" s="112"/>
      <c r="L35" s="112"/>
      <c r="M35" s="112"/>
      <c r="N35" s="112"/>
      <c r="O35" s="112"/>
      <c r="P35" s="112"/>
    </row>
    <row r="36" spans="10:16" ht="21" customHeight="1">
      <c r="J36" s="112"/>
      <c r="K36" s="112"/>
      <c r="L36" s="112"/>
      <c r="M36" s="112"/>
      <c r="N36" s="112"/>
      <c r="O36" s="112"/>
      <c r="P36" s="112"/>
    </row>
    <row r="37" spans="10:16" ht="21" customHeight="1"/>
    <row r="38" spans="10:16" ht="21" customHeight="1"/>
    <row r="39" spans="10:16" ht="11.25" customHeight="1"/>
    <row r="40" spans="10:16" ht="11.25" customHeight="1"/>
    <row r="41" spans="10:16" ht="11.25" customHeight="1"/>
    <row r="42" spans="10:16" ht="11.25" customHeight="1"/>
    <row r="43" spans="10:16" ht="11.25" customHeight="1"/>
  </sheetData>
  <mergeCells count="22">
    <mergeCell ref="J29:P32"/>
    <mergeCell ref="B19:C19"/>
    <mergeCell ref="D19:H19"/>
    <mergeCell ref="I19:P19"/>
    <mergeCell ref="B20:C20"/>
    <mergeCell ref="D20:H20"/>
    <mergeCell ref="I20:P20"/>
    <mergeCell ref="B21:C21"/>
    <mergeCell ref="D21:H21"/>
    <mergeCell ref="I21:P21"/>
    <mergeCell ref="K22:M22"/>
    <mergeCell ref="B24:P26"/>
    <mergeCell ref="E13:G13"/>
    <mergeCell ref="H13:P13"/>
    <mergeCell ref="A15:Q15"/>
    <mergeCell ref="A3:Q3"/>
    <mergeCell ref="S3:T3"/>
    <mergeCell ref="L6:Q6"/>
    <mergeCell ref="E11:G11"/>
    <mergeCell ref="H11:P11"/>
    <mergeCell ref="E12:G12"/>
    <mergeCell ref="H12:P12"/>
  </mergeCells>
  <phoneticPr fontId="6"/>
  <conditionalFormatting sqref="R6:R7 L6 H11:H13 I12:O13">
    <cfRule type="cellIs" dxfId="15" priority="10" stopIfTrue="1" operator="equal">
      <formula>""</formula>
    </cfRule>
  </conditionalFormatting>
  <conditionalFormatting sqref="J28:J29">
    <cfRule type="cellIs" dxfId="14" priority="9" operator="equal">
      <formula>""</formula>
    </cfRule>
  </conditionalFormatting>
  <conditionalFormatting sqref="E23 E17:E18">
    <cfRule type="expression" dxfId="13" priority="8" stopIfTrue="1">
      <formula>COUNTIF(#REF!,"○")&gt;4</formula>
    </cfRule>
  </conditionalFormatting>
  <conditionalFormatting sqref="D20">
    <cfRule type="cellIs" dxfId="12" priority="5" stopIfTrue="1" operator="equal">
      <formula>""</formula>
    </cfRule>
  </conditionalFormatting>
  <conditionalFormatting sqref="D21">
    <cfRule type="cellIs" dxfId="11" priority="4" stopIfTrue="1" operator="equal">
      <formula>""</formula>
    </cfRule>
  </conditionalFormatting>
  <conditionalFormatting sqref="I20">
    <cfRule type="cellIs" dxfId="10" priority="3" stopIfTrue="1" operator="equal">
      <formula>""</formula>
    </cfRule>
  </conditionalFormatting>
  <conditionalFormatting sqref="I21">
    <cfRule type="cellIs" dxfId="9" priority="2" stopIfTrue="1" operator="equal">
      <formula>""</formula>
    </cfRule>
  </conditionalFormatting>
  <conditionalFormatting sqref="B24">
    <cfRule type="cellIs" dxfId="8" priority="1" stopIfTrue="1" operator="equal">
      <formula>""</formula>
    </cfRule>
  </conditionalFormatting>
  <dataValidations count="6">
    <dataValidation type="custom" imeMode="halfAlpha" allowBlank="1" showInputMessage="1" showErrorMessage="1" errorTitle="入力内容に誤りがあります" error="半角英数字で入力してください" sqref="WVJ983048:WVN983050 WLN983048:WLR983050 WBR983048:WBV983050 VRV983048:VRZ983050 VHZ983048:VID983050 UYD983048:UYH983050 UOH983048:UOL983050 UEL983048:UEP983050 TUP983048:TUT983050 TKT983048:TKX983050 TAX983048:TBB983050 SRB983048:SRF983050 SHF983048:SHJ983050 RXJ983048:RXN983050 RNN983048:RNR983050 RDR983048:RDV983050 QTV983048:QTZ983050 QJZ983048:QKD983050 QAD983048:QAH983050 PQH983048:PQL983050 PGL983048:PGP983050 OWP983048:OWT983050 OMT983048:OMX983050 OCX983048:ODB983050 NTB983048:NTF983050 NJF983048:NJJ983050 MZJ983048:MZN983050 MPN983048:MPR983050 MFR983048:MFV983050 LVV983048:LVZ983050 LLZ983048:LMD983050 LCD983048:LCH983050 KSH983048:KSL983050 KIL983048:KIP983050 JYP983048:JYT983050 JOT983048:JOX983050 JEX983048:JFB983050 IVB983048:IVF983050 ILF983048:ILJ983050 IBJ983048:IBN983050 HRN983048:HRR983050 HHR983048:HHV983050 GXV983048:GXZ983050 GNZ983048:GOD983050 GED983048:GEH983050 FUH983048:FUL983050 FKL983048:FKP983050 FAP983048:FAT983050 EQT983048:EQX983050 EGX983048:EHB983050 DXB983048:DXF983050 DNF983048:DNJ983050 DDJ983048:DDN983050 CTN983048:CTR983050 CJR983048:CJV983050 BZV983048:BZZ983050 BPZ983048:BQD983050 BGD983048:BGH983050 AWH983048:AWL983050 AML983048:AMP983050 ACP983048:ACT983050 ST983048:SX983050 IX983048:JB983050 I983048:M983050 WVJ917512:WVN917514 WLN917512:WLR917514 WBR917512:WBV917514 VRV917512:VRZ917514 VHZ917512:VID917514 UYD917512:UYH917514 UOH917512:UOL917514 UEL917512:UEP917514 TUP917512:TUT917514 TKT917512:TKX917514 TAX917512:TBB917514 SRB917512:SRF917514 SHF917512:SHJ917514 RXJ917512:RXN917514 RNN917512:RNR917514 RDR917512:RDV917514 QTV917512:QTZ917514 QJZ917512:QKD917514 QAD917512:QAH917514 PQH917512:PQL917514 PGL917512:PGP917514 OWP917512:OWT917514 OMT917512:OMX917514 OCX917512:ODB917514 NTB917512:NTF917514 NJF917512:NJJ917514 MZJ917512:MZN917514 MPN917512:MPR917514 MFR917512:MFV917514 LVV917512:LVZ917514 LLZ917512:LMD917514 LCD917512:LCH917514 KSH917512:KSL917514 KIL917512:KIP917514 JYP917512:JYT917514 JOT917512:JOX917514 JEX917512:JFB917514 IVB917512:IVF917514 ILF917512:ILJ917514 IBJ917512:IBN917514 HRN917512:HRR917514 HHR917512:HHV917514 GXV917512:GXZ917514 GNZ917512:GOD917514 GED917512:GEH917514 FUH917512:FUL917514 FKL917512:FKP917514 FAP917512:FAT917514 EQT917512:EQX917514 EGX917512:EHB917514 DXB917512:DXF917514 DNF917512:DNJ917514 DDJ917512:DDN917514 CTN917512:CTR917514 CJR917512:CJV917514 BZV917512:BZZ917514 BPZ917512:BQD917514 BGD917512:BGH917514 AWH917512:AWL917514 AML917512:AMP917514 ACP917512:ACT917514 ST917512:SX917514 IX917512:JB917514 I917512:M917514 WVJ851976:WVN851978 WLN851976:WLR851978 WBR851976:WBV851978 VRV851976:VRZ851978 VHZ851976:VID851978 UYD851976:UYH851978 UOH851976:UOL851978 UEL851976:UEP851978 TUP851976:TUT851978 TKT851976:TKX851978 TAX851976:TBB851978 SRB851976:SRF851978 SHF851976:SHJ851978 RXJ851976:RXN851978 RNN851976:RNR851978 RDR851976:RDV851978 QTV851976:QTZ851978 QJZ851976:QKD851978 QAD851976:QAH851978 PQH851976:PQL851978 PGL851976:PGP851978 OWP851976:OWT851978 OMT851976:OMX851978 OCX851976:ODB851978 NTB851976:NTF851978 NJF851976:NJJ851978 MZJ851976:MZN851978 MPN851976:MPR851978 MFR851976:MFV851978 LVV851976:LVZ851978 LLZ851976:LMD851978 LCD851976:LCH851978 KSH851976:KSL851978 KIL851976:KIP851978 JYP851976:JYT851978 JOT851976:JOX851978 JEX851976:JFB851978 IVB851976:IVF851978 ILF851976:ILJ851978 IBJ851976:IBN851978 HRN851976:HRR851978 HHR851976:HHV851978 GXV851976:GXZ851978 GNZ851976:GOD851978 GED851976:GEH851978 FUH851976:FUL851978 FKL851976:FKP851978 FAP851976:FAT851978 EQT851976:EQX851978 EGX851976:EHB851978 DXB851976:DXF851978 DNF851976:DNJ851978 DDJ851976:DDN851978 CTN851976:CTR851978 CJR851976:CJV851978 BZV851976:BZZ851978 BPZ851976:BQD851978 BGD851976:BGH851978 AWH851976:AWL851978 AML851976:AMP851978 ACP851976:ACT851978 ST851976:SX851978 IX851976:JB851978 I851976:M851978 WVJ786440:WVN786442 WLN786440:WLR786442 WBR786440:WBV786442 VRV786440:VRZ786442 VHZ786440:VID786442 UYD786440:UYH786442 UOH786440:UOL786442 UEL786440:UEP786442 TUP786440:TUT786442 TKT786440:TKX786442 TAX786440:TBB786442 SRB786440:SRF786442 SHF786440:SHJ786442 RXJ786440:RXN786442 RNN786440:RNR786442 RDR786440:RDV786442 QTV786440:QTZ786442 QJZ786440:QKD786442 QAD786440:QAH786442 PQH786440:PQL786442 PGL786440:PGP786442 OWP786440:OWT786442 OMT786440:OMX786442 OCX786440:ODB786442 NTB786440:NTF786442 NJF786440:NJJ786442 MZJ786440:MZN786442 MPN786440:MPR786442 MFR786440:MFV786442 LVV786440:LVZ786442 LLZ786440:LMD786442 LCD786440:LCH786442 KSH786440:KSL786442 KIL786440:KIP786442 JYP786440:JYT786442 JOT786440:JOX786442 JEX786440:JFB786442 IVB786440:IVF786442 ILF786440:ILJ786442 IBJ786440:IBN786442 HRN786440:HRR786442 HHR786440:HHV786442 GXV786440:GXZ786442 GNZ786440:GOD786442 GED786440:GEH786442 FUH786440:FUL786442 FKL786440:FKP786442 FAP786440:FAT786442 EQT786440:EQX786442 EGX786440:EHB786442 DXB786440:DXF786442 DNF786440:DNJ786442 DDJ786440:DDN786442 CTN786440:CTR786442 CJR786440:CJV786442 BZV786440:BZZ786442 BPZ786440:BQD786442 BGD786440:BGH786442 AWH786440:AWL786442 AML786440:AMP786442 ACP786440:ACT786442 ST786440:SX786442 IX786440:JB786442 I786440:M786442 WVJ720904:WVN720906 WLN720904:WLR720906 WBR720904:WBV720906 VRV720904:VRZ720906 VHZ720904:VID720906 UYD720904:UYH720906 UOH720904:UOL720906 UEL720904:UEP720906 TUP720904:TUT720906 TKT720904:TKX720906 TAX720904:TBB720906 SRB720904:SRF720906 SHF720904:SHJ720906 RXJ720904:RXN720906 RNN720904:RNR720906 RDR720904:RDV720906 QTV720904:QTZ720906 QJZ720904:QKD720906 QAD720904:QAH720906 PQH720904:PQL720906 PGL720904:PGP720906 OWP720904:OWT720906 OMT720904:OMX720906 OCX720904:ODB720906 NTB720904:NTF720906 NJF720904:NJJ720906 MZJ720904:MZN720906 MPN720904:MPR720906 MFR720904:MFV720906 LVV720904:LVZ720906 LLZ720904:LMD720906 LCD720904:LCH720906 KSH720904:KSL720906 KIL720904:KIP720906 JYP720904:JYT720906 JOT720904:JOX720906 JEX720904:JFB720906 IVB720904:IVF720906 ILF720904:ILJ720906 IBJ720904:IBN720906 HRN720904:HRR720906 HHR720904:HHV720906 GXV720904:GXZ720906 GNZ720904:GOD720906 GED720904:GEH720906 FUH720904:FUL720906 FKL720904:FKP720906 FAP720904:FAT720906 EQT720904:EQX720906 EGX720904:EHB720906 DXB720904:DXF720906 DNF720904:DNJ720906 DDJ720904:DDN720906 CTN720904:CTR720906 CJR720904:CJV720906 BZV720904:BZZ720906 BPZ720904:BQD720906 BGD720904:BGH720906 AWH720904:AWL720906 AML720904:AMP720906 ACP720904:ACT720906 ST720904:SX720906 IX720904:JB720906 I720904:M720906 WVJ655368:WVN655370 WLN655368:WLR655370 WBR655368:WBV655370 VRV655368:VRZ655370 VHZ655368:VID655370 UYD655368:UYH655370 UOH655368:UOL655370 UEL655368:UEP655370 TUP655368:TUT655370 TKT655368:TKX655370 TAX655368:TBB655370 SRB655368:SRF655370 SHF655368:SHJ655370 RXJ655368:RXN655370 RNN655368:RNR655370 RDR655368:RDV655370 QTV655368:QTZ655370 QJZ655368:QKD655370 QAD655368:QAH655370 PQH655368:PQL655370 PGL655368:PGP655370 OWP655368:OWT655370 OMT655368:OMX655370 OCX655368:ODB655370 NTB655368:NTF655370 NJF655368:NJJ655370 MZJ655368:MZN655370 MPN655368:MPR655370 MFR655368:MFV655370 LVV655368:LVZ655370 LLZ655368:LMD655370 LCD655368:LCH655370 KSH655368:KSL655370 KIL655368:KIP655370 JYP655368:JYT655370 JOT655368:JOX655370 JEX655368:JFB655370 IVB655368:IVF655370 ILF655368:ILJ655370 IBJ655368:IBN655370 HRN655368:HRR655370 HHR655368:HHV655370 GXV655368:GXZ655370 GNZ655368:GOD655370 GED655368:GEH655370 FUH655368:FUL655370 FKL655368:FKP655370 FAP655368:FAT655370 EQT655368:EQX655370 EGX655368:EHB655370 DXB655368:DXF655370 DNF655368:DNJ655370 DDJ655368:DDN655370 CTN655368:CTR655370 CJR655368:CJV655370 BZV655368:BZZ655370 BPZ655368:BQD655370 BGD655368:BGH655370 AWH655368:AWL655370 AML655368:AMP655370 ACP655368:ACT655370 ST655368:SX655370 IX655368:JB655370 I655368:M655370 WVJ589832:WVN589834 WLN589832:WLR589834 WBR589832:WBV589834 VRV589832:VRZ589834 VHZ589832:VID589834 UYD589832:UYH589834 UOH589832:UOL589834 UEL589832:UEP589834 TUP589832:TUT589834 TKT589832:TKX589834 TAX589832:TBB589834 SRB589832:SRF589834 SHF589832:SHJ589834 RXJ589832:RXN589834 RNN589832:RNR589834 RDR589832:RDV589834 QTV589832:QTZ589834 QJZ589832:QKD589834 QAD589832:QAH589834 PQH589832:PQL589834 PGL589832:PGP589834 OWP589832:OWT589834 OMT589832:OMX589834 OCX589832:ODB589834 NTB589832:NTF589834 NJF589832:NJJ589834 MZJ589832:MZN589834 MPN589832:MPR589834 MFR589832:MFV589834 LVV589832:LVZ589834 LLZ589832:LMD589834 LCD589832:LCH589834 KSH589832:KSL589834 KIL589832:KIP589834 JYP589832:JYT589834 JOT589832:JOX589834 JEX589832:JFB589834 IVB589832:IVF589834 ILF589832:ILJ589834 IBJ589832:IBN589834 HRN589832:HRR589834 HHR589832:HHV589834 GXV589832:GXZ589834 GNZ589832:GOD589834 GED589832:GEH589834 FUH589832:FUL589834 FKL589832:FKP589834 FAP589832:FAT589834 EQT589832:EQX589834 EGX589832:EHB589834 DXB589832:DXF589834 DNF589832:DNJ589834 DDJ589832:DDN589834 CTN589832:CTR589834 CJR589832:CJV589834 BZV589832:BZZ589834 BPZ589832:BQD589834 BGD589832:BGH589834 AWH589832:AWL589834 AML589832:AMP589834 ACP589832:ACT589834 ST589832:SX589834 IX589832:JB589834 I589832:M589834 WVJ524296:WVN524298 WLN524296:WLR524298 WBR524296:WBV524298 VRV524296:VRZ524298 VHZ524296:VID524298 UYD524296:UYH524298 UOH524296:UOL524298 UEL524296:UEP524298 TUP524296:TUT524298 TKT524296:TKX524298 TAX524296:TBB524298 SRB524296:SRF524298 SHF524296:SHJ524298 RXJ524296:RXN524298 RNN524296:RNR524298 RDR524296:RDV524298 QTV524296:QTZ524298 QJZ524296:QKD524298 QAD524296:QAH524298 PQH524296:PQL524298 PGL524296:PGP524298 OWP524296:OWT524298 OMT524296:OMX524298 OCX524296:ODB524298 NTB524296:NTF524298 NJF524296:NJJ524298 MZJ524296:MZN524298 MPN524296:MPR524298 MFR524296:MFV524298 LVV524296:LVZ524298 LLZ524296:LMD524298 LCD524296:LCH524298 KSH524296:KSL524298 KIL524296:KIP524298 JYP524296:JYT524298 JOT524296:JOX524298 JEX524296:JFB524298 IVB524296:IVF524298 ILF524296:ILJ524298 IBJ524296:IBN524298 HRN524296:HRR524298 HHR524296:HHV524298 GXV524296:GXZ524298 GNZ524296:GOD524298 GED524296:GEH524298 FUH524296:FUL524298 FKL524296:FKP524298 FAP524296:FAT524298 EQT524296:EQX524298 EGX524296:EHB524298 DXB524296:DXF524298 DNF524296:DNJ524298 DDJ524296:DDN524298 CTN524296:CTR524298 CJR524296:CJV524298 BZV524296:BZZ524298 BPZ524296:BQD524298 BGD524296:BGH524298 AWH524296:AWL524298 AML524296:AMP524298 ACP524296:ACT524298 ST524296:SX524298 IX524296:JB524298 I524296:M524298 WVJ458760:WVN458762 WLN458760:WLR458762 WBR458760:WBV458762 VRV458760:VRZ458762 VHZ458760:VID458762 UYD458760:UYH458762 UOH458760:UOL458762 UEL458760:UEP458762 TUP458760:TUT458762 TKT458760:TKX458762 TAX458760:TBB458762 SRB458760:SRF458762 SHF458760:SHJ458762 RXJ458760:RXN458762 RNN458760:RNR458762 RDR458760:RDV458762 QTV458760:QTZ458762 QJZ458760:QKD458762 QAD458760:QAH458762 PQH458760:PQL458762 PGL458760:PGP458762 OWP458760:OWT458762 OMT458760:OMX458762 OCX458760:ODB458762 NTB458760:NTF458762 NJF458760:NJJ458762 MZJ458760:MZN458762 MPN458760:MPR458762 MFR458760:MFV458762 LVV458760:LVZ458762 LLZ458760:LMD458762 LCD458760:LCH458762 KSH458760:KSL458762 KIL458760:KIP458762 JYP458760:JYT458762 JOT458760:JOX458762 JEX458760:JFB458762 IVB458760:IVF458762 ILF458760:ILJ458762 IBJ458760:IBN458762 HRN458760:HRR458762 HHR458760:HHV458762 GXV458760:GXZ458762 GNZ458760:GOD458762 GED458760:GEH458762 FUH458760:FUL458762 FKL458760:FKP458762 FAP458760:FAT458762 EQT458760:EQX458762 EGX458760:EHB458762 DXB458760:DXF458762 DNF458760:DNJ458762 DDJ458760:DDN458762 CTN458760:CTR458762 CJR458760:CJV458762 BZV458760:BZZ458762 BPZ458760:BQD458762 BGD458760:BGH458762 AWH458760:AWL458762 AML458760:AMP458762 ACP458760:ACT458762 ST458760:SX458762 IX458760:JB458762 I458760:M458762 WVJ393224:WVN393226 WLN393224:WLR393226 WBR393224:WBV393226 VRV393224:VRZ393226 VHZ393224:VID393226 UYD393224:UYH393226 UOH393224:UOL393226 UEL393224:UEP393226 TUP393224:TUT393226 TKT393224:TKX393226 TAX393224:TBB393226 SRB393224:SRF393226 SHF393224:SHJ393226 RXJ393224:RXN393226 RNN393224:RNR393226 RDR393224:RDV393226 QTV393224:QTZ393226 QJZ393224:QKD393226 QAD393224:QAH393226 PQH393224:PQL393226 PGL393224:PGP393226 OWP393224:OWT393226 OMT393224:OMX393226 OCX393224:ODB393226 NTB393224:NTF393226 NJF393224:NJJ393226 MZJ393224:MZN393226 MPN393224:MPR393226 MFR393224:MFV393226 LVV393224:LVZ393226 LLZ393224:LMD393226 LCD393224:LCH393226 KSH393224:KSL393226 KIL393224:KIP393226 JYP393224:JYT393226 JOT393224:JOX393226 JEX393224:JFB393226 IVB393224:IVF393226 ILF393224:ILJ393226 IBJ393224:IBN393226 HRN393224:HRR393226 HHR393224:HHV393226 GXV393224:GXZ393226 GNZ393224:GOD393226 GED393224:GEH393226 FUH393224:FUL393226 FKL393224:FKP393226 FAP393224:FAT393226 EQT393224:EQX393226 EGX393224:EHB393226 DXB393224:DXF393226 DNF393224:DNJ393226 DDJ393224:DDN393226 CTN393224:CTR393226 CJR393224:CJV393226 BZV393224:BZZ393226 BPZ393224:BQD393226 BGD393224:BGH393226 AWH393224:AWL393226 AML393224:AMP393226 ACP393224:ACT393226 ST393224:SX393226 IX393224:JB393226 I393224:M393226 WVJ327688:WVN327690 WLN327688:WLR327690 WBR327688:WBV327690 VRV327688:VRZ327690 VHZ327688:VID327690 UYD327688:UYH327690 UOH327688:UOL327690 UEL327688:UEP327690 TUP327688:TUT327690 TKT327688:TKX327690 TAX327688:TBB327690 SRB327688:SRF327690 SHF327688:SHJ327690 RXJ327688:RXN327690 RNN327688:RNR327690 RDR327688:RDV327690 QTV327688:QTZ327690 QJZ327688:QKD327690 QAD327688:QAH327690 PQH327688:PQL327690 PGL327688:PGP327690 OWP327688:OWT327690 OMT327688:OMX327690 OCX327688:ODB327690 NTB327688:NTF327690 NJF327688:NJJ327690 MZJ327688:MZN327690 MPN327688:MPR327690 MFR327688:MFV327690 LVV327688:LVZ327690 LLZ327688:LMD327690 LCD327688:LCH327690 KSH327688:KSL327690 KIL327688:KIP327690 JYP327688:JYT327690 JOT327688:JOX327690 JEX327688:JFB327690 IVB327688:IVF327690 ILF327688:ILJ327690 IBJ327688:IBN327690 HRN327688:HRR327690 HHR327688:HHV327690 GXV327688:GXZ327690 GNZ327688:GOD327690 GED327688:GEH327690 FUH327688:FUL327690 FKL327688:FKP327690 FAP327688:FAT327690 EQT327688:EQX327690 EGX327688:EHB327690 DXB327688:DXF327690 DNF327688:DNJ327690 DDJ327688:DDN327690 CTN327688:CTR327690 CJR327688:CJV327690 BZV327688:BZZ327690 BPZ327688:BQD327690 BGD327688:BGH327690 AWH327688:AWL327690 AML327688:AMP327690 ACP327688:ACT327690 ST327688:SX327690 IX327688:JB327690 I327688:M327690 WVJ262152:WVN262154 WLN262152:WLR262154 WBR262152:WBV262154 VRV262152:VRZ262154 VHZ262152:VID262154 UYD262152:UYH262154 UOH262152:UOL262154 UEL262152:UEP262154 TUP262152:TUT262154 TKT262152:TKX262154 TAX262152:TBB262154 SRB262152:SRF262154 SHF262152:SHJ262154 RXJ262152:RXN262154 RNN262152:RNR262154 RDR262152:RDV262154 QTV262152:QTZ262154 QJZ262152:QKD262154 QAD262152:QAH262154 PQH262152:PQL262154 PGL262152:PGP262154 OWP262152:OWT262154 OMT262152:OMX262154 OCX262152:ODB262154 NTB262152:NTF262154 NJF262152:NJJ262154 MZJ262152:MZN262154 MPN262152:MPR262154 MFR262152:MFV262154 LVV262152:LVZ262154 LLZ262152:LMD262154 LCD262152:LCH262154 KSH262152:KSL262154 KIL262152:KIP262154 JYP262152:JYT262154 JOT262152:JOX262154 JEX262152:JFB262154 IVB262152:IVF262154 ILF262152:ILJ262154 IBJ262152:IBN262154 HRN262152:HRR262154 HHR262152:HHV262154 GXV262152:GXZ262154 GNZ262152:GOD262154 GED262152:GEH262154 FUH262152:FUL262154 FKL262152:FKP262154 FAP262152:FAT262154 EQT262152:EQX262154 EGX262152:EHB262154 DXB262152:DXF262154 DNF262152:DNJ262154 DDJ262152:DDN262154 CTN262152:CTR262154 CJR262152:CJV262154 BZV262152:BZZ262154 BPZ262152:BQD262154 BGD262152:BGH262154 AWH262152:AWL262154 AML262152:AMP262154 ACP262152:ACT262154 ST262152:SX262154 IX262152:JB262154 I262152:M262154 WVJ196616:WVN196618 WLN196616:WLR196618 WBR196616:WBV196618 VRV196616:VRZ196618 VHZ196616:VID196618 UYD196616:UYH196618 UOH196616:UOL196618 UEL196616:UEP196618 TUP196616:TUT196618 TKT196616:TKX196618 TAX196616:TBB196618 SRB196616:SRF196618 SHF196616:SHJ196618 RXJ196616:RXN196618 RNN196616:RNR196618 RDR196616:RDV196618 QTV196616:QTZ196618 QJZ196616:QKD196618 QAD196616:QAH196618 PQH196616:PQL196618 PGL196616:PGP196618 OWP196616:OWT196618 OMT196616:OMX196618 OCX196616:ODB196618 NTB196616:NTF196618 NJF196616:NJJ196618 MZJ196616:MZN196618 MPN196616:MPR196618 MFR196616:MFV196618 LVV196616:LVZ196618 LLZ196616:LMD196618 LCD196616:LCH196618 KSH196616:KSL196618 KIL196616:KIP196618 JYP196616:JYT196618 JOT196616:JOX196618 JEX196616:JFB196618 IVB196616:IVF196618 ILF196616:ILJ196618 IBJ196616:IBN196618 HRN196616:HRR196618 HHR196616:HHV196618 GXV196616:GXZ196618 GNZ196616:GOD196618 GED196616:GEH196618 FUH196616:FUL196618 FKL196616:FKP196618 FAP196616:FAT196618 EQT196616:EQX196618 EGX196616:EHB196618 DXB196616:DXF196618 DNF196616:DNJ196618 DDJ196616:DDN196618 CTN196616:CTR196618 CJR196616:CJV196618 BZV196616:BZZ196618 BPZ196616:BQD196618 BGD196616:BGH196618 AWH196616:AWL196618 AML196616:AMP196618 ACP196616:ACT196618 ST196616:SX196618 IX196616:JB196618 I196616:M196618 WVJ131080:WVN131082 WLN131080:WLR131082 WBR131080:WBV131082 VRV131080:VRZ131082 VHZ131080:VID131082 UYD131080:UYH131082 UOH131080:UOL131082 UEL131080:UEP131082 TUP131080:TUT131082 TKT131080:TKX131082 TAX131080:TBB131082 SRB131080:SRF131082 SHF131080:SHJ131082 RXJ131080:RXN131082 RNN131080:RNR131082 RDR131080:RDV131082 QTV131080:QTZ131082 QJZ131080:QKD131082 QAD131080:QAH131082 PQH131080:PQL131082 PGL131080:PGP131082 OWP131080:OWT131082 OMT131080:OMX131082 OCX131080:ODB131082 NTB131080:NTF131082 NJF131080:NJJ131082 MZJ131080:MZN131082 MPN131080:MPR131082 MFR131080:MFV131082 LVV131080:LVZ131082 LLZ131080:LMD131082 LCD131080:LCH131082 KSH131080:KSL131082 KIL131080:KIP131082 JYP131080:JYT131082 JOT131080:JOX131082 JEX131080:JFB131082 IVB131080:IVF131082 ILF131080:ILJ131082 IBJ131080:IBN131082 HRN131080:HRR131082 HHR131080:HHV131082 GXV131080:GXZ131082 GNZ131080:GOD131082 GED131080:GEH131082 FUH131080:FUL131082 FKL131080:FKP131082 FAP131080:FAT131082 EQT131080:EQX131082 EGX131080:EHB131082 DXB131080:DXF131082 DNF131080:DNJ131082 DDJ131080:DDN131082 CTN131080:CTR131082 CJR131080:CJV131082 BZV131080:BZZ131082 BPZ131080:BQD131082 BGD131080:BGH131082 AWH131080:AWL131082 AML131080:AMP131082 ACP131080:ACT131082 ST131080:SX131082 IX131080:JB131082 I131080:M131082 WVJ65544:WVN65546 WLN65544:WLR65546 WBR65544:WBV65546 VRV65544:VRZ65546 VHZ65544:VID65546 UYD65544:UYH65546 UOH65544:UOL65546 UEL65544:UEP65546 TUP65544:TUT65546 TKT65544:TKX65546 TAX65544:TBB65546 SRB65544:SRF65546 SHF65544:SHJ65546 RXJ65544:RXN65546 RNN65544:RNR65546 RDR65544:RDV65546 QTV65544:QTZ65546 QJZ65544:QKD65546 QAD65544:QAH65546 PQH65544:PQL65546 PGL65544:PGP65546 OWP65544:OWT65546 OMT65544:OMX65546 OCX65544:ODB65546 NTB65544:NTF65546 NJF65544:NJJ65546 MZJ65544:MZN65546 MPN65544:MPR65546 MFR65544:MFV65546 LVV65544:LVZ65546 LLZ65544:LMD65546 LCD65544:LCH65546 KSH65544:KSL65546 KIL65544:KIP65546 JYP65544:JYT65546 JOT65544:JOX65546 JEX65544:JFB65546 IVB65544:IVF65546 ILF65544:ILJ65546 IBJ65544:IBN65546 HRN65544:HRR65546 HHR65544:HHV65546 GXV65544:GXZ65546 GNZ65544:GOD65546 GED65544:GEH65546 FUH65544:FUL65546 FKL65544:FKP65546 FAP65544:FAT65546 EQT65544:EQX65546 EGX65544:EHB65546 DXB65544:DXF65546 DNF65544:DNJ65546 DDJ65544:DDN65546 CTN65544:CTR65546 CJR65544:CJV65546 BZV65544:BZZ65546 BPZ65544:BQD65546 BGD65544:BGH65546 AWH65544:AWL65546 AML65544:AMP65546 ACP65544:ACT65546 ST65544:SX65546 IX65544:JB65546 I65544:M65546 WVJ983043:WVJ983045 WLN983043:WLN983045 WBR983043:WBR983045 VRV983043:VRV983045 VHZ983043:VHZ983045 UYD983043:UYD983045 UOH983043:UOH983045 UEL983043:UEL983045 TUP983043:TUP983045 TKT983043:TKT983045 TAX983043:TAX983045 SRB983043:SRB983045 SHF983043:SHF983045 RXJ983043:RXJ983045 RNN983043:RNN983045 RDR983043:RDR983045 QTV983043:QTV983045 QJZ983043:QJZ983045 QAD983043:QAD983045 PQH983043:PQH983045 PGL983043:PGL983045 OWP983043:OWP983045 OMT983043:OMT983045 OCX983043:OCX983045 NTB983043:NTB983045 NJF983043:NJF983045 MZJ983043:MZJ983045 MPN983043:MPN983045 MFR983043:MFR983045 LVV983043:LVV983045 LLZ983043:LLZ983045 LCD983043:LCD983045 KSH983043:KSH983045 KIL983043:KIL983045 JYP983043:JYP983045 JOT983043:JOT983045 JEX983043:JEX983045 IVB983043:IVB983045 ILF983043:ILF983045 IBJ983043:IBJ983045 HRN983043:HRN983045 HHR983043:HHR983045 GXV983043:GXV983045 GNZ983043:GNZ983045 GED983043:GED983045 FUH983043:FUH983045 FKL983043:FKL983045 FAP983043:FAP983045 EQT983043:EQT983045 EGX983043:EGX983045 DXB983043:DXB983045 DNF983043:DNF983045 DDJ983043:DDJ983045 CTN983043:CTN983045 CJR983043:CJR983045 BZV983043:BZV983045 BPZ983043:BPZ983045 BGD983043:BGD983045 AWH983043:AWH983045 AML983043:AML983045 ACP983043:ACP983045 ST983043:ST983045 IX983043:IX983045 I983043:I983045 WVJ917507:WVJ917509 WLN917507:WLN917509 WBR917507:WBR917509 VRV917507:VRV917509 VHZ917507:VHZ917509 UYD917507:UYD917509 UOH917507:UOH917509 UEL917507:UEL917509 TUP917507:TUP917509 TKT917507:TKT917509 TAX917507:TAX917509 SRB917507:SRB917509 SHF917507:SHF917509 RXJ917507:RXJ917509 RNN917507:RNN917509 RDR917507:RDR917509 QTV917507:QTV917509 QJZ917507:QJZ917509 QAD917507:QAD917509 PQH917507:PQH917509 PGL917507:PGL917509 OWP917507:OWP917509 OMT917507:OMT917509 OCX917507:OCX917509 NTB917507:NTB917509 NJF917507:NJF917509 MZJ917507:MZJ917509 MPN917507:MPN917509 MFR917507:MFR917509 LVV917507:LVV917509 LLZ917507:LLZ917509 LCD917507:LCD917509 KSH917507:KSH917509 KIL917507:KIL917509 JYP917507:JYP917509 JOT917507:JOT917509 JEX917507:JEX917509 IVB917507:IVB917509 ILF917507:ILF917509 IBJ917507:IBJ917509 HRN917507:HRN917509 HHR917507:HHR917509 GXV917507:GXV917509 GNZ917507:GNZ917509 GED917507:GED917509 FUH917507:FUH917509 FKL917507:FKL917509 FAP917507:FAP917509 EQT917507:EQT917509 EGX917507:EGX917509 DXB917507:DXB917509 DNF917507:DNF917509 DDJ917507:DDJ917509 CTN917507:CTN917509 CJR917507:CJR917509 BZV917507:BZV917509 BPZ917507:BPZ917509 BGD917507:BGD917509 AWH917507:AWH917509 AML917507:AML917509 ACP917507:ACP917509 ST917507:ST917509 IX917507:IX917509 I917507:I917509 WVJ851971:WVJ851973 WLN851971:WLN851973 WBR851971:WBR851973 VRV851971:VRV851973 VHZ851971:VHZ851973 UYD851971:UYD851973 UOH851971:UOH851973 UEL851971:UEL851973 TUP851971:TUP851973 TKT851971:TKT851973 TAX851971:TAX851973 SRB851971:SRB851973 SHF851971:SHF851973 RXJ851971:RXJ851973 RNN851971:RNN851973 RDR851971:RDR851973 QTV851971:QTV851973 QJZ851971:QJZ851973 QAD851971:QAD851973 PQH851971:PQH851973 PGL851971:PGL851973 OWP851971:OWP851973 OMT851971:OMT851973 OCX851971:OCX851973 NTB851971:NTB851973 NJF851971:NJF851973 MZJ851971:MZJ851973 MPN851971:MPN851973 MFR851971:MFR851973 LVV851971:LVV851973 LLZ851971:LLZ851973 LCD851971:LCD851973 KSH851971:KSH851973 KIL851971:KIL851973 JYP851971:JYP851973 JOT851971:JOT851973 JEX851971:JEX851973 IVB851971:IVB851973 ILF851971:ILF851973 IBJ851971:IBJ851973 HRN851971:HRN851973 HHR851971:HHR851973 GXV851971:GXV851973 GNZ851971:GNZ851973 GED851971:GED851973 FUH851971:FUH851973 FKL851971:FKL851973 FAP851971:FAP851973 EQT851971:EQT851973 EGX851971:EGX851973 DXB851971:DXB851973 DNF851971:DNF851973 DDJ851971:DDJ851973 CTN851971:CTN851973 CJR851971:CJR851973 BZV851971:BZV851973 BPZ851971:BPZ851973 BGD851971:BGD851973 AWH851971:AWH851973 AML851971:AML851973 ACP851971:ACP851973 ST851971:ST851973 IX851971:IX851973 I851971:I851973 WVJ786435:WVJ786437 WLN786435:WLN786437 WBR786435:WBR786437 VRV786435:VRV786437 VHZ786435:VHZ786437 UYD786435:UYD786437 UOH786435:UOH786437 UEL786435:UEL786437 TUP786435:TUP786437 TKT786435:TKT786437 TAX786435:TAX786437 SRB786435:SRB786437 SHF786435:SHF786437 RXJ786435:RXJ786437 RNN786435:RNN786437 RDR786435:RDR786437 QTV786435:QTV786437 QJZ786435:QJZ786437 QAD786435:QAD786437 PQH786435:PQH786437 PGL786435:PGL786437 OWP786435:OWP786437 OMT786435:OMT786437 OCX786435:OCX786437 NTB786435:NTB786437 NJF786435:NJF786437 MZJ786435:MZJ786437 MPN786435:MPN786437 MFR786435:MFR786437 LVV786435:LVV786437 LLZ786435:LLZ786437 LCD786435:LCD786437 KSH786435:KSH786437 KIL786435:KIL786437 JYP786435:JYP786437 JOT786435:JOT786437 JEX786435:JEX786437 IVB786435:IVB786437 ILF786435:ILF786437 IBJ786435:IBJ786437 HRN786435:HRN786437 HHR786435:HHR786437 GXV786435:GXV786437 GNZ786435:GNZ786437 GED786435:GED786437 FUH786435:FUH786437 FKL786435:FKL786437 FAP786435:FAP786437 EQT786435:EQT786437 EGX786435:EGX786437 DXB786435:DXB786437 DNF786435:DNF786437 DDJ786435:DDJ786437 CTN786435:CTN786437 CJR786435:CJR786437 BZV786435:BZV786437 BPZ786435:BPZ786437 BGD786435:BGD786437 AWH786435:AWH786437 AML786435:AML786437 ACP786435:ACP786437 ST786435:ST786437 IX786435:IX786437 I786435:I786437 WVJ720899:WVJ720901 WLN720899:WLN720901 WBR720899:WBR720901 VRV720899:VRV720901 VHZ720899:VHZ720901 UYD720899:UYD720901 UOH720899:UOH720901 UEL720899:UEL720901 TUP720899:TUP720901 TKT720899:TKT720901 TAX720899:TAX720901 SRB720899:SRB720901 SHF720899:SHF720901 RXJ720899:RXJ720901 RNN720899:RNN720901 RDR720899:RDR720901 QTV720899:QTV720901 QJZ720899:QJZ720901 QAD720899:QAD720901 PQH720899:PQH720901 PGL720899:PGL720901 OWP720899:OWP720901 OMT720899:OMT720901 OCX720899:OCX720901 NTB720899:NTB720901 NJF720899:NJF720901 MZJ720899:MZJ720901 MPN720899:MPN720901 MFR720899:MFR720901 LVV720899:LVV720901 LLZ720899:LLZ720901 LCD720899:LCD720901 KSH720899:KSH720901 KIL720899:KIL720901 JYP720899:JYP720901 JOT720899:JOT720901 JEX720899:JEX720901 IVB720899:IVB720901 ILF720899:ILF720901 IBJ720899:IBJ720901 HRN720899:HRN720901 HHR720899:HHR720901 GXV720899:GXV720901 GNZ720899:GNZ720901 GED720899:GED720901 FUH720899:FUH720901 FKL720899:FKL720901 FAP720899:FAP720901 EQT720899:EQT720901 EGX720899:EGX720901 DXB720899:DXB720901 DNF720899:DNF720901 DDJ720899:DDJ720901 CTN720899:CTN720901 CJR720899:CJR720901 BZV720899:BZV720901 BPZ720899:BPZ720901 BGD720899:BGD720901 AWH720899:AWH720901 AML720899:AML720901 ACP720899:ACP720901 ST720899:ST720901 IX720899:IX720901 I720899:I720901 WVJ655363:WVJ655365 WLN655363:WLN655365 WBR655363:WBR655365 VRV655363:VRV655365 VHZ655363:VHZ655365 UYD655363:UYD655365 UOH655363:UOH655365 UEL655363:UEL655365 TUP655363:TUP655365 TKT655363:TKT655365 TAX655363:TAX655365 SRB655363:SRB655365 SHF655363:SHF655365 RXJ655363:RXJ655365 RNN655363:RNN655365 RDR655363:RDR655365 QTV655363:QTV655365 QJZ655363:QJZ655365 QAD655363:QAD655365 PQH655363:PQH655365 PGL655363:PGL655365 OWP655363:OWP655365 OMT655363:OMT655365 OCX655363:OCX655365 NTB655363:NTB655365 NJF655363:NJF655365 MZJ655363:MZJ655365 MPN655363:MPN655365 MFR655363:MFR655365 LVV655363:LVV655365 LLZ655363:LLZ655365 LCD655363:LCD655365 KSH655363:KSH655365 KIL655363:KIL655365 JYP655363:JYP655365 JOT655363:JOT655365 JEX655363:JEX655365 IVB655363:IVB655365 ILF655363:ILF655365 IBJ655363:IBJ655365 HRN655363:HRN655365 HHR655363:HHR655365 GXV655363:GXV655365 GNZ655363:GNZ655365 GED655363:GED655365 FUH655363:FUH655365 FKL655363:FKL655365 FAP655363:FAP655365 EQT655363:EQT655365 EGX655363:EGX655365 DXB655363:DXB655365 DNF655363:DNF655365 DDJ655363:DDJ655365 CTN655363:CTN655365 CJR655363:CJR655365 BZV655363:BZV655365 BPZ655363:BPZ655365 BGD655363:BGD655365 AWH655363:AWH655365 AML655363:AML655365 ACP655363:ACP655365 ST655363:ST655365 IX655363:IX655365 I655363:I655365 WVJ589827:WVJ589829 WLN589827:WLN589829 WBR589827:WBR589829 VRV589827:VRV589829 VHZ589827:VHZ589829 UYD589827:UYD589829 UOH589827:UOH589829 UEL589827:UEL589829 TUP589827:TUP589829 TKT589827:TKT589829 TAX589827:TAX589829 SRB589827:SRB589829 SHF589827:SHF589829 RXJ589827:RXJ589829 RNN589827:RNN589829 RDR589827:RDR589829 QTV589827:QTV589829 QJZ589827:QJZ589829 QAD589827:QAD589829 PQH589827:PQH589829 PGL589827:PGL589829 OWP589827:OWP589829 OMT589827:OMT589829 OCX589827:OCX589829 NTB589827:NTB589829 NJF589827:NJF589829 MZJ589827:MZJ589829 MPN589827:MPN589829 MFR589827:MFR589829 LVV589827:LVV589829 LLZ589827:LLZ589829 LCD589827:LCD589829 KSH589827:KSH589829 KIL589827:KIL589829 JYP589827:JYP589829 JOT589827:JOT589829 JEX589827:JEX589829 IVB589827:IVB589829 ILF589827:ILF589829 IBJ589827:IBJ589829 HRN589827:HRN589829 HHR589827:HHR589829 GXV589827:GXV589829 GNZ589827:GNZ589829 GED589827:GED589829 FUH589827:FUH589829 FKL589827:FKL589829 FAP589827:FAP589829 EQT589827:EQT589829 EGX589827:EGX589829 DXB589827:DXB589829 DNF589827:DNF589829 DDJ589827:DDJ589829 CTN589827:CTN589829 CJR589827:CJR589829 BZV589827:BZV589829 BPZ589827:BPZ589829 BGD589827:BGD589829 AWH589827:AWH589829 AML589827:AML589829 ACP589827:ACP589829 ST589827:ST589829 IX589827:IX589829 I589827:I589829 WVJ524291:WVJ524293 WLN524291:WLN524293 WBR524291:WBR524293 VRV524291:VRV524293 VHZ524291:VHZ524293 UYD524291:UYD524293 UOH524291:UOH524293 UEL524291:UEL524293 TUP524291:TUP524293 TKT524291:TKT524293 TAX524291:TAX524293 SRB524291:SRB524293 SHF524291:SHF524293 RXJ524291:RXJ524293 RNN524291:RNN524293 RDR524291:RDR524293 QTV524291:QTV524293 QJZ524291:QJZ524293 QAD524291:QAD524293 PQH524291:PQH524293 PGL524291:PGL524293 OWP524291:OWP524293 OMT524291:OMT524293 OCX524291:OCX524293 NTB524291:NTB524293 NJF524291:NJF524293 MZJ524291:MZJ524293 MPN524291:MPN524293 MFR524291:MFR524293 LVV524291:LVV524293 LLZ524291:LLZ524293 LCD524291:LCD524293 KSH524291:KSH524293 KIL524291:KIL524293 JYP524291:JYP524293 JOT524291:JOT524293 JEX524291:JEX524293 IVB524291:IVB524293 ILF524291:ILF524293 IBJ524291:IBJ524293 HRN524291:HRN524293 HHR524291:HHR524293 GXV524291:GXV524293 GNZ524291:GNZ524293 GED524291:GED524293 FUH524291:FUH524293 FKL524291:FKL524293 FAP524291:FAP524293 EQT524291:EQT524293 EGX524291:EGX524293 DXB524291:DXB524293 DNF524291:DNF524293 DDJ524291:DDJ524293 CTN524291:CTN524293 CJR524291:CJR524293 BZV524291:BZV524293 BPZ524291:BPZ524293 BGD524291:BGD524293 AWH524291:AWH524293 AML524291:AML524293 ACP524291:ACP524293 ST524291:ST524293 IX524291:IX524293 I524291:I524293 WVJ458755:WVJ458757 WLN458755:WLN458757 WBR458755:WBR458757 VRV458755:VRV458757 VHZ458755:VHZ458757 UYD458755:UYD458757 UOH458755:UOH458757 UEL458755:UEL458757 TUP458755:TUP458757 TKT458755:TKT458757 TAX458755:TAX458757 SRB458755:SRB458757 SHF458755:SHF458757 RXJ458755:RXJ458757 RNN458755:RNN458757 RDR458755:RDR458757 QTV458755:QTV458757 QJZ458755:QJZ458757 QAD458755:QAD458757 PQH458755:PQH458757 PGL458755:PGL458757 OWP458755:OWP458757 OMT458755:OMT458757 OCX458755:OCX458757 NTB458755:NTB458757 NJF458755:NJF458757 MZJ458755:MZJ458757 MPN458755:MPN458757 MFR458755:MFR458757 LVV458755:LVV458757 LLZ458755:LLZ458757 LCD458755:LCD458757 KSH458755:KSH458757 KIL458755:KIL458757 JYP458755:JYP458757 JOT458755:JOT458757 JEX458755:JEX458757 IVB458755:IVB458757 ILF458755:ILF458757 IBJ458755:IBJ458757 HRN458755:HRN458757 HHR458755:HHR458757 GXV458755:GXV458757 GNZ458755:GNZ458757 GED458755:GED458757 FUH458755:FUH458757 FKL458755:FKL458757 FAP458755:FAP458757 EQT458755:EQT458757 EGX458755:EGX458757 DXB458755:DXB458757 DNF458755:DNF458757 DDJ458755:DDJ458757 CTN458755:CTN458757 CJR458755:CJR458757 BZV458755:BZV458757 BPZ458755:BPZ458757 BGD458755:BGD458757 AWH458755:AWH458757 AML458755:AML458757 ACP458755:ACP458757 ST458755:ST458757 IX458755:IX458757 I458755:I458757 WVJ393219:WVJ393221 WLN393219:WLN393221 WBR393219:WBR393221 VRV393219:VRV393221 VHZ393219:VHZ393221 UYD393219:UYD393221 UOH393219:UOH393221 UEL393219:UEL393221 TUP393219:TUP393221 TKT393219:TKT393221 TAX393219:TAX393221 SRB393219:SRB393221 SHF393219:SHF393221 RXJ393219:RXJ393221 RNN393219:RNN393221 RDR393219:RDR393221 QTV393219:QTV393221 QJZ393219:QJZ393221 QAD393219:QAD393221 PQH393219:PQH393221 PGL393219:PGL393221 OWP393219:OWP393221 OMT393219:OMT393221 OCX393219:OCX393221 NTB393219:NTB393221 NJF393219:NJF393221 MZJ393219:MZJ393221 MPN393219:MPN393221 MFR393219:MFR393221 LVV393219:LVV393221 LLZ393219:LLZ393221 LCD393219:LCD393221 KSH393219:KSH393221 KIL393219:KIL393221 JYP393219:JYP393221 JOT393219:JOT393221 JEX393219:JEX393221 IVB393219:IVB393221 ILF393219:ILF393221 IBJ393219:IBJ393221 HRN393219:HRN393221 HHR393219:HHR393221 GXV393219:GXV393221 GNZ393219:GNZ393221 GED393219:GED393221 FUH393219:FUH393221 FKL393219:FKL393221 FAP393219:FAP393221 EQT393219:EQT393221 EGX393219:EGX393221 DXB393219:DXB393221 DNF393219:DNF393221 DDJ393219:DDJ393221 CTN393219:CTN393221 CJR393219:CJR393221 BZV393219:BZV393221 BPZ393219:BPZ393221 BGD393219:BGD393221 AWH393219:AWH393221 AML393219:AML393221 ACP393219:ACP393221 ST393219:ST393221 IX393219:IX393221 I393219:I393221 WVJ327683:WVJ327685 WLN327683:WLN327685 WBR327683:WBR327685 VRV327683:VRV327685 VHZ327683:VHZ327685 UYD327683:UYD327685 UOH327683:UOH327685 UEL327683:UEL327685 TUP327683:TUP327685 TKT327683:TKT327685 TAX327683:TAX327685 SRB327683:SRB327685 SHF327683:SHF327685 RXJ327683:RXJ327685 RNN327683:RNN327685 RDR327683:RDR327685 QTV327683:QTV327685 QJZ327683:QJZ327685 QAD327683:QAD327685 PQH327683:PQH327685 PGL327683:PGL327685 OWP327683:OWP327685 OMT327683:OMT327685 OCX327683:OCX327685 NTB327683:NTB327685 NJF327683:NJF327685 MZJ327683:MZJ327685 MPN327683:MPN327685 MFR327683:MFR327685 LVV327683:LVV327685 LLZ327683:LLZ327685 LCD327683:LCD327685 KSH327683:KSH327685 KIL327683:KIL327685 JYP327683:JYP327685 JOT327683:JOT327685 JEX327683:JEX327685 IVB327683:IVB327685 ILF327683:ILF327685 IBJ327683:IBJ327685 HRN327683:HRN327685 HHR327683:HHR327685 GXV327683:GXV327685 GNZ327683:GNZ327685 GED327683:GED327685 FUH327683:FUH327685 FKL327683:FKL327685 FAP327683:FAP327685 EQT327683:EQT327685 EGX327683:EGX327685 DXB327683:DXB327685 DNF327683:DNF327685 DDJ327683:DDJ327685 CTN327683:CTN327685 CJR327683:CJR327685 BZV327683:BZV327685 BPZ327683:BPZ327685 BGD327683:BGD327685 AWH327683:AWH327685 AML327683:AML327685 ACP327683:ACP327685 ST327683:ST327685 IX327683:IX327685 I327683:I327685 WVJ262147:WVJ262149 WLN262147:WLN262149 WBR262147:WBR262149 VRV262147:VRV262149 VHZ262147:VHZ262149 UYD262147:UYD262149 UOH262147:UOH262149 UEL262147:UEL262149 TUP262147:TUP262149 TKT262147:TKT262149 TAX262147:TAX262149 SRB262147:SRB262149 SHF262147:SHF262149 RXJ262147:RXJ262149 RNN262147:RNN262149 RDR262147:RDR262149 QTV262147:QTV262149 QJZ262147:QJZ262149 QAD262147:QAD262149 PQH262147:PQH262149 PGL262147:PGL262149 OWP262147:OWP262149 OMT262147:OMT262149 OCX262147:OCX262149 NTB262147:NTB262149 NJF262147:NJF262149 MZJ262147:MZJ262149 MPN262147:MPN262149 MFR262147:MFR262149 LVV262147:LVV262149 LLZ262147:LLZ262149 LCD262147:LCD262149 KSH262147:KSH262149 KIL262147:KIL262149 JYP262147:JYP262149 JOT262147:JOT262149 JEX262147:JEX262149 IVB262147:IVB262149 ILF262147:ILF262149 IBJ262147:IBJ262149 HRN262147:HRN262149 HHR262147:HHR262149 GXV262147:GXV262149 GNZ262147:GNZ262149 GED262147:GED262149 FUH262147:FUH262149 FKL262147:FKL262149 FAP262147:FAP262149 EQT262147:EQT262149 EGX262147:EGX262149 DXB262147:DXB262149 DNF262147:DNF262149 DDJ262147:DDJ262149 CTN262147:CTN262149 CJR262147:CJR262149 BZV262147:BZV262149 BPZ262147:BPZ262149 BGD262147:BGD262149 AWH262147:AWH262149 AML262147:AML262149 ACP262147:ACP262149 ST262147:ST262149 IX262147:IX262149 I262147:I262149 WVJ196611:WVJ196613 WLN196611:WLN196613 WBR196611:WBR196613 VRV196611:VRV196613 VHZ196611:VHZ196613 UYD196611:UYD196613 UOH196611:UOH196613 UEL196611:UEL196613 TUP196611:TUP196613 TKT196611:TKT196613 TAX196611:TAX196613 SRB196611:SRB196613 SHF196611:SHF196613 RXJ196611:RXJ196613 RNN196611:RNN196613 RDR196611:RDR196613 QTV196611:QTV196613 QJZ196611:QJZ196613 QAD196611:QAD196613 PQH196611:PQH196613 PGL196611:PGL196613 OWP196611:OWP196613 OMT196611:OMT196613 OCX196611:OCX196613 NTB196611:NTB196613 NJF196611:NJF196613 MZJ196611:MZJ196613 MPN196611:MPN196613 MFR196611:MFR196613 LVV196611:LVV196613 LLZ196611:LLZ196613 LCD196611:LCD196613 KSH196611:KSH196613 KIL196611:KIL196613 JYP196611:JYP196613 JOT196611:JOT196613 JEX196611:JEX196613 IVB196611:IVB196613 ILF196611:ILF196613 IBJ196611:IBJ196613 HRN196611:HRN196613 HHR196611:HHR196613 GXV196611:GXV196613 GNZ196611:GNZ196613 GED196611:GED196613 FUH196611:FUH196613 FKL196611:FKL196613 FAP196611:FAP196613 EQT196611:EQT196613 EGX196611:EGX196613 DXB196611:DXB196613 DNF196611:DNF196613 DDJ196611:DDJ196613 CTN196611:CTN196613 CJR196611:CJR196613 BZV196611:BZV196613 BPZ196611:BPZ196613 BGD196611:BGD196613 AWH196611:AWH196613 AML196611:AML196613 ACP196611:ACP196613 ST196611:ST196613 IX196611:IX196613 I196611:I196613 WVJ131075:WVJ131077 WLN131075:WLN131077 WBR131075:WBR131077 VRV131075:VRV131077 VHZ131075:VHZ131077 UYD131075:UYD131077 UOH131075:UOH131077 UEL131075:UEL131077 TUP131075:TUP131077 TKT131075:TKT131077 TAX131075:TAX131077 SRB131075:SRB131077 SHF131075:SHF131077 RXJ131075:RXJ131077 RNN131075:RNN131077 RDR131075:RDR131077 QTV131075:QTV131077 QJZ131075:QJZ131077 QAD131075:QAD131077 PQH131075:PQH131077 PGL131075:PGL131077 OWP131075:OWP131077 OMT131075:OMT131077 OCX131075:OCX131077 NTB131075:NTB131077 NJF131075:NJF131077 MZJ131075:MZJ131077 MPN131075:MPN131077 MFR131075:MFR131077 LVV131075:LVV131077 LLZ131075:LLZ131077 LCD131075:LCD131077 KSH131075:KSH131077 KIL131075:KIL131077 JYP131075:JYP131077 JOT131075:JOT131077 JEX131075:JEX131077 IVB131075:IVB131077 ILF131075:ILF131077 IBJ131075:IBJ131077 HRN131075:HRN131077 HHR131075:HHR131077 GXV131075:GXV131077 GNZ131075:GNZ131077 GED131075:GED131077 FUH131075:FUH131077 FKL131075:FKL131077 FAP131075:FAP131077 EQT131075:EQT131077 EGX131075:EGX131077 DXB131075:DXB131077 DNF131075:DNF131077 DDJ131075:DDJ131077 CTN131075:CTN131077 CJR131075:CJR131077 BZV131075:BZV131077 BPZ131075:BPZ131077 BGD131075:BGD131077 AWH131075:AWH131077 AML131075:AML131077 ACP131075:ACP131077 ST131075:ST131077 IX131075:IX131077 I131075:I131077 WVJ65539:WVJ65541 WLN65539:WLN65541 WBR65539:WBR65541 VRV65539:VRV65541 VHZ65539:VHZ65541 UYD65539:UYD65541 UOH65539:UOH65541 UEL65539:UEL65541 TUP65539:TUP65541 TKT65539:TKT65541 TAX65539:TAX65541 SRB65539:SRB65541 SHF65539:SHF65541 RXJ65539:RXJ65541 RNN65539:RNN65541 RDR65539:RDR65541 QTV65539:QTV65541 QJZ65539:QJZ65541 QAD65539:QAD65541 PQH65539:PQH65541 PGL65539:PGL65541 OWP65539:OWP65541 OMT65539:OMT65541 OCX65539:OCX65541 NTB65539:NTB65541 NJF65539:NJF65541 MZJ65539:MZJ65541 MPN65539:MPN65541 MFR65539:MFR65541 LVV65539:LVV65541 LLZ65539:LLZ65541 LCD65539:LCD65541 KSH65539:KSH65541 KIL65539:KIL65541 JYP65539:JYP65541 JOT65539:JOT65541 JEX65539:JEX65541 IVB65539:IVB65541 ILF65539:ILF65541 IBJ65539:IBJ65541 HRN65539:HRN65541 HHR65539:HHR65541 GXV65539:GXV65541 GNZ65539:GNZ65541 GED65539:GED65541 FUH65539:FUH65541 FKL65539:FKL65541 FAP65539:FAP65541 EQT65539:EQT65541 EGX65539:EGX65541 DXB65539:DXB65541 DNF65539:DNF65541 DDJ65539:DDJ65541 CTN65539:CTN65541 CJR65539:CJR65541 BZV65539:BZV65541 BPZ65539:BPZ65541 BGD65539:BGD65541 AWH65539:AWH65541 AML65539:AML65541 ACP65539:ACP65541 ST65539:ST65541 IX65539:IX65541 I65539:I65541 WVK983044:WVN983045 WLO983044:WLR983045 WBS983044:WBV983045 VRW983044:VRZ983045 VIA983044:VID983045 UYE983044:UYH983045 UOI983044:UOL983045 UEM983044:UEP983045 TUQ983044:TUT983045 TKU983044:TKX983045 TAY983044:TBB983045 SRC983044:SRF983045 SHG983044:SHJ983045 RXK983044:RXN983045 RNO983044:RNR983045 RDS983044:RDV983045 QTW983044:QTZ983045 QKA983044:QKD983045 QAE983044:QAH983045 PQI983044:PQL983045 PGM983044:PGP983045 OWQ983044:OWT983045 OMU983044:OMX983045 OCY983044:ODB983045 NTC983044:NTF983045 NJG983044:NJJ983045 MZK983044:MZN983045 MPO983044:MPR983045 MFS983044:MFV983045 LVW983044:LVZ983045 LMA983044:LMD983045 LCE983044:LCH983045 KSI983044:KSL983045 KIM983044:KIP983045 JYQ983044:JYT983045 JOU983044:JOX983045 JEY983044:JFB983045 IVC983044:IVF983045 ILG983044:ILJ983045 IBK983044:IBN983045 HRO983044:HRR983045 HHS983044:HHV983045 GXW983044:GXZ983045 GOA983044:GOD983045 GEE983044:GEH983045 FUI983044:FUL983045 FKM983044:FKP983045 FAQ983044:FAT983045 EQU983044:EQX983045 EGY983044:EHB983045 DXC983044:DXF983045 DNG983044:DNJ983045 DDK983044:DDN983045 CTO983044:CTR983045 CJS983044:CJV983045 BZW983044:BZZ983045 BQA983044:BQD983045 BGE983044:BGH983045 AWI983044:AWL983045 AMM983044:AMP983045 ACQ983044:ACT983045 SU983044:SX983045 IY983044:JB983045 J983044:M983045 WVK917508:WVN917509 WLO917508:WLR917509 WBS917508:WBV917509 VRW917508:VRZ917509 VIA917508:VID917509 UYE917508:UYH917509 UOI917508:UOL917509 UEM917508:UEP917509 TUQ917508:TUT917509 TKU917508:TKX917509 TAY917508:TBB917509 SRC917508:SRF917509 SHG917508:SHJ917509 RXK917508:RXN917509 RNO917508:RNR917509 RDS917508:RDV917509 QTW917508:QTZ917509 QKA917508:QKD917509 QAE917508:QAH917509 PQI917508:PQL917509 PGM917508:PGP917509 OWQ917508:OWT917509 OMU917508:OMX917509 OCY917508:ODB917509 NTC917508:NTF917509 NJG917508:NJJ917509 MZK917508:MZN917509 MPO917508:MPR917509 MFS917508:MFV917509 LVW917508:LVZ917509 LMA917508:LMD917509 LCE917508:LCH917509 KSI917508:KSL917509 KIM917508:KIP917509 JYQ917508:JYT917509 JOU917508:JOX917509 JEY917508:JFB917509 IVC917508:IVF917509 ILG917508:ILJ917509 IBK917508:IBN917509 HRO917508:HRR917509 HHS917508:HHV917509 GXW917508:GXZ917509 GOA917508:GOD917509 GEE917508:GEH917509 FUI917508:FUL917509 FKM917508:FKP917509 FAQ917508:FAT917509 EQU917508:EQX917509 EGY917508:EHB917509 DXC917508:DXF917509 DNG917508:DNJ917509 DDK917508:DDN917509 CTO917508:CTR917509 CJS917508:CJV917509 BZW917508:BZZ917509 BQA917508:BQD917509 BGE917508:BGH917509 AWI917508:AWL917509 AMM917508:AMP917509 ACQ917508:ACT917509 SU917508:SX917509 IY917508:JB917509 J917508:M917509 WVK851972:WVN851973 WLO851972:WLR851973 WBS851972:WBV851973 VRW851972:VRZ851973 VIA851972:VID851973 UYE851972:UYH851973 UOI851972:UOL851973 UEM851972:UEP851973 TUQ851972:TUT851973 TKU851972:TKX851973 TAY851972:TBB851973 SRC851972:SRF851973 SHG851972:SHJ851973 RXK851972:RXN851973 RNO851972:RNR851973 RDS851972:RDV851973 QTW851972:QTZ851973 QKA851972:QKD851973 QAE851972:QAH851973 PQI851972:PQL851973 PGM851972:PGP851973 OWQ851972:OWT851973 OMU851972:OMX851973 OCY851972:ODB851973 NTC851972:NTF851973 NJG851972:NJJ851973 MZK851972:MZN851973 MPO851972:MPR851973 MFS851972:MFV851973 LVW851972:LVZ851973 LMA851972:LMD851973 LCE851972:LCH851973 KSI851972:KSL851973 KIM851972:KIP851973 JYQ851972:JYT851973 JOU851972:JOX851973 JEY851972:JFB851973 IVC851972:IVF851973 ILG851972:ILJ851973 IBK851972:IBN851973 HRO851972:HRR851973 HHS851972:HHV851973 GXW851972:GXZ851973 GOA851972:GOD851973 GEE851972:GEH851973 FUI851972:FUL851973 FKM851972:FKP851973 FAQ851972:FAT851973 EQU851972:EQX851973 EGY851972:EHB851973 DXC851972:DXF851973 DNG851972:DNJ851973 DDK851972:DDN851973 CTO851972:CTR851973 CJS851972:CJV851973 BZW851972:BZZ851973 BQA851972:BQD851973 BGE851972:BGH851973 AWI851972:AWL851973 AMM851972:AMP851973 ACQ851972:ACT851973 SU851972:SX851973 IY851972:JB851973 J851972:M851973 WVK786436:WVN786437 WLO786436:WLR786437 WBS786436:WBV786437 VRW786436:VRZ786437 VIA786436:VID786437 UYE786436:UYH786437 UOI786436:UOL786437 UEM786436:UEP786437 TUQ786436:TUT786437 TKU786436:TKX786437 TAY786436:TBB786437 SRC786436:SRF786437 SHG786436:SHJ786437 RXK786436:RXN786437 RNO786436:RNR786437 RDS786436:RDV786437 QTW786436:QTZ786437 QKA786436:QKD786437 QAE786436:QAH786437 PQI786436:PQL786437 PGM786436:PGP786437 OWQ786436:OWT786437 OMU786436:OMX786437 OCY786436:ODB786437 NTC786436:NTF786437 NJG786436:NJJ786437 MZK786436:MZN786437 MPO786436:MPR786437 MFS786436:MFV786437 LVW786436:LVZ786437 LMA786436:LMD786437 LCE786436:LCH786437 KSI786436:KSL786437 KIM786436:KIP786437 JYQ786436:JYT786437 JOU786436:JOX786437 JEY786436:JFB786437 IVC786436:IVF786437 ILG786436:ILJ786437 IBK786436:IBN786437 HRO786436:HRR786437 HHS786436:HHV786437 GXW786436:GXZ786437 GOA786436:GOD786437 GEE786436:GEH786437 FUI786436:FUL786437 FKM786436:FKP786437 FAQ786436:FAT786437 EQU786436:EQX786437 EGY786436:EHB786437 DXC786436:DXF786437 DNG786436:DNJ786437 DDK786436:DDN786437 CTO786436:CTR786437 CJS786436:CJV786437 BZW786436:BZZ786437 BQA786436:BQD786437 BGE786436:BGH786437 AWI786436:AWL786437 AMM786436:AMP786437 ACQ786436:ACT786437 SU786436:SX786437 IY786436:JB786437 J786436:M786437 WVK720900:WVN720901 WLO720900:WLR720901 WBS720900:WBV720901 VRW720900:VRZ720901 VIA720900:VID720901 UYE720900:UYH720901 UOI720900:UOL720901 UEM720900:UEP720901 TUQ720900:TUT720901 TKU720900:TKX720901 TAY720900:TBB720901 SRC720900:SRF720901 SHG720900:SHJ720901 RXK720900:RXN720901 RNO720900:RNR720901 RDS720900:RDV720901 QTW720900:QTZ720901 QKA720900:QKD720901 QAE720900:QAH720901 PQI720900:PQL720901 PGM720900:PGP720901 OWQ720900:OWT720901 OMU720900:OMX720901 OCY720900:ODB720901 NTC720900:NTF720901 NJG720900:NJJ720901 MZK720900:MZN720901 MPO720900:MPR720901 MFS720900:MFV720901 LVW720900:LVZ720901 LMA720900:LMD720901 LCE720900:LCH720901 KSI720900:KSL720901 KIM720900:KIP720901 JYQ720900:JYT720901 JOU720900:JOX720901 JEY720900:JFB720901 IVC720900:IVF720901 ILG720900:ILJ720901 IBK720900:IBN720901 HRO720900:HRR720901 HHS720900:HHV720901 GXW720900:GXZ720901 GOA720900:GOD720901 GEE720900:GEH720901 FUI720900:FUL720901 FKM720900:FKP720901 FAQ720900:FAT720901 EQU720900:EQX720901 EGY720900:EHB720901 DXC720900:DXF720901 DNG720900:DNJ720901 DDK720900:DDN720901 CTO720900:CTR720901 CJS720900:CJV720901 BZW720900:BZZ720901 BQA720900:BQD720901 BGE720900:BGH720901 AWI720900:AWL720901 AMM720900:AMP720901 ACQ720900:ACT720901 SU720900:SX720901 IY720900:JB720901 J720900:M720901 WVK655364:WVN655365 WLO655364:WLR655365 WBS655364:WBV655365 VRW655364:VRZ655365 VIA655364:VID655365 UYE655364:UYH655365 UOI655364:UOL655365 UEM655364:UEP655365 TUQ655364:TUT655365 TKU655364:TKX655365 TAY655364:TBB655365 SRC655364:SRF655365 SHG655364:SHJ655365 RXK655364:RXN655365 RNO655364:RNR655365 RDS655364:RDV655365 QTW655364:QTZ655365 QKA655364:QKD655365 QAE655364:QAH655365 PQI655364:PQL655365 PGM655364:PGP655365 OWQ655364:OWT655365 OMU655364:OMX655365 OCY655364:ODB655365 NTC655364:NTF655365 NJG655364:NJJ655365 MZK655364:MZN655365 MPO655364:MPR655365 MFS655364:MFV655365 LVW655364:LVZ655365 LMA655364:LMD655365 LCE655364:LCH655365 KSI655364:KSL655365 KIM655364:KIP655365 JYQ655364:JYT655365 JOU655364:JOX655365 JEY655364:JFB655365 IVC655364:IVF655365 ILG655364:ILJ655365 IBK655364:IBN655365 HRO655364:HRR655365 HHS655364:HHV655365 GXW655364:GXZ655365 GOA655364:GOD655365 GEE655364:GEH655365 FUI655364:FUL655365 FKM655364:FKP655365 FAQ655364:FAT655365 EQU655364:EQX655365 EGY655364:EHB655365 DXC655364:DXF655365 DNG655364:DNJ655365 DDK655364:DDN655365 CTO655364:CTR655365 CJS655364:CJV655365 BZW655364:BZZ655365 BQA655364:BQD655365 BGE655364:BGH655365 AWI655364:AWL655365 AMM655364:AMP655365 ACQ655364:ACT655365 SU655364:SX655365 IY655364:JB655365 J655364:M655365 WVK589828:WVN589829 WLO589828:WLR589829 WBS589828:WBV589829 VRW589828:VRZ589829 VIA589828:VID589829 UYE589828:UYH589829 UOI589828:UOL589829 UEM589828:UEP589829 TUQ589828:TUT589829 TKU589828:TKX589829 TAY589828:TBB589829 SRC589828:SRF589829 SHG589828:SHJ589829 RXK589828:RXN589829 RNO589828:RNR589829 RDS589828:RDV589829 QTW589828:QTZ589829 QKA589828:QKD589829 QAE589828:QAH589829 PQI589828:PQL589829 PGM589828:PGP589829 OWQ589828:OWT589829 OMU589828:OMX589829 OCY589828:ODB589829 NTC589828:NTF589829 NJG589828:NJJ589829 MZK589828:MZN589829 MPO589828:MPR589829 MFS589828:MFV589829 LVW589828:LVZ589829 LMA589828:LMD589829 LCE589828:LCH589829 KSI589828:KSL589829 KIM589828:KIP589829 JYQ589828:JYT589829 JOU589828:JOX589829 JEY589828:JFB589829 IVC589828:IVF589829 ILG589828:ILJ589829 IBK589828:IBN589829 HRO589828:HRR589829 HHS589828:HHV589829 GXW589828:GXZ589829 GOA589828:GOD589829 GEE589828:GEH589829 FUI589828:FUL589829 FKM589828:FKP589829 FAQ589828:FAT589829 EQU589828:EQX589829 EGY589828:EHB589829 DXC589828:DXF589829 DNG589828:DNJ589829 DDK589828:DDN589829 CTO589828:CTR589829 CJS589828:CJV589829 BZW589828:BZZ589829 BQA589828:BQD589829 BGE589828:BGH589829 AWI589828:AWL589829 AMM589828:AMP589829 ACQ589828:ACT589829 SU589828:SX589829 IY589828:JB589829 J589828:M589829 WVK524292:WVN524293 WLO524292:WLR524293 WBS524292:WBV524293 VRW524292:VRZ524293 VIA524292:VID524293 UYE524292:UYH524293 UOI524292:UOL524293 UEM524292:UEP524293 TUQ524292:TUT524293 TKU524292:TKX524293 TAY524292:TBB524293 SRC524292:SRF524293 SHG524292:SHJ524293 RXK524292:RXN524293 RNO524292:RNR524293 RDS524292:RDV524293 QTW524292:QTZ524293 QKA524292:QKD524293 QAE524292:QAH524293 PQI524292:PQL524293 PGM524292:PGP524293 OWQ524292:OWT524293 OMU524292:OMX524293 OCY524292:ODB524293 NTC524292:NTF524293 NJG524292:NJJ524293 MZK524292:MZN524293 MPO524292:MPR524293 MFS524292:MFV524293 LVW524292:LVZ524293 LMA524292:LMD524293 LCE524292:LCH524293 KSI524292:KSL524293 KIM524292:KIP524293 JYQ524292:JYT524293 JOU524292:JOX524293 JEY524292:JFB524293 IVC524292:IVF524293 ILG524292:ILJ524293 IBK524292:IBN524293 HRO524292:HRR524293 HHS524292:HHV524293 GXW524292:GXZ524293 GOA524292:GOD524293 GEE524292:GEH524293 FUI524292:FUL524293 FKM524292:FKP524293 FAQ524292:FAT524293 EQU524292:EQX524293 EGY524292:EHB524293 DXC524292:DXF524293 DNG524292:DNJ524293 DDK524292:DDN524293 CTO524292:CTR524293 CJS524292:CJV524293 BZW524292:BZZ524293 BQA524292:BQD524293 BGE524292:BGH524293 AWI524292:AWL524293 AMM524292:AMP524293 ACQ524292:ACT524293 SU524292:SX524293 IY524292:JB524293 J524292:M524293 WVK458756:WVN458757 WLO458756:WLR458757 WBS458756:WBV458757 VRW458756:VRZ458757 VIA458756:VID458757 UYE458756:UYH458757 UOI458756:UOL458757 UEM458756:UEP458757 TUQ458756:TUT458757 TKU458756:TKX458757 TAY458756:TBB458757 SRC458756:SRF458757 SHG458756:SHJ458757 RXK458756:RXN458757 RNO458756:RNR458757 RDS458756:RDV458757 QTW458756:QTZ458757 QKA458756:QKD458757 QAE458756:QAH458757 PQI458756:PQL458757 PGM458756:PGP458757 OWQ458756:OWT458757 OMU458756:OMX458757 OCY458756:ODB458757 NTC458756:NTF458757 NJG458756:NJJ458757 MZK458756:MZN458757 MPO458756:MPR458757 MFS458756:MFV458757 LVW458756:LVZ458757 LMA458756:LMD458757 LCE458756:LCH458757 KSI458756:KSL458757 KIM458756:KIP458757 JYQ458756:JYT458757 JOU458756:JOX458757 JEY458756:JFB458757 IVC458756:IVF458757 ILG458756:ILJ458757 IBK458756:IBN458757 HRO458756:HRR458757 HHS458756:HHV458757 GXW458756:GXZ458757 GOA458756:GOD458757 GEE458756:GEH458757 FUI458756:FUL458757 FKM458756:FKP458757 FAQ458756:FAT458757 EQU458756:EQX458757 EGY458756:EHB458757 DXC458756:DXF458757 DNG458756:DNJ458757 DDK458756:DDN458757 CTO458756:CTR458757 CJS458756:CJV458757 BZW458756:BZZ458757 BQA458756:BQD458757 BGE458756:BGH458757 AWI458756:AWL458757 AMM458756:AMP458757 ACQ458756:ACT458757 SU458756:SX458757 IY458756:JB458757 J458756:M458757 WVK393220:WVN393221 WLO393220:WLR393221 WBS393220:WBV393221 VRW393220:VRZ393221 VIA393220:VID393221 UYE393220:UYH393221 UOI393220:UOL393221 UEM393220:UEP393221 TUQ393220:TUT393221 TKU393220:TKX393221 TAY393220:TBB393221 SRC393220:SRF393221 SHG393220:SHJ393221 RXK393220:RXN393221 RNO393220:RNR393221 RDS393220:RDV393221 QTW393220:QTZ393221 QKA393220:QKD393221 QAE393220:QAH393221 PQI393220:PQL393221 PGM393220:PGP393221 OWQ393220:OWT393221 OMU393220:OMX393221 OCY393220:ODB393221 NTC393220:NTF393221 NJG393220:NJJ393221 MZK393220:MZN393221 MPO393220:MPR393221 MFS393220:MFV393221 LVW393220:LVZ393221 LMA393220:LMD393221 LCE393220:LCH393221 KSI393220:KSL393221 KIM393220:KIP393221 JYQ393220:JYT393221 JOU393220:JOX393221 JEY393220:JFB393221 IVC393220:IVF393221 ILG393220:ILJ393221 IBK393220:IBN393221 HRO393220:HRR393221 HHS393220:HHV393221 GXW393220:GXZ393221 GOA393220:GOD393221 GEE393220:GEH393221 FUI393220:FUL393221 FKM393220:FKP393221 FAQ393220:FAT393221 EQU393220:EQX393221 EGY393220:EHB393221 DXC393220:DXF393221 DNG393220:DNJ393221 DDK393220:DDN393221 CTO393220:CTR393221 CJS393220:CJV393221 BZW393220:BZZ393221 BQA393220:BQD393221 BGE393220:BGH393221 AWI393220:AWL393221 AMM393220:AMP393221 ACQ393220:ACT393221 SU393220:SX393221 IY393220:JB393221 J393220:M393221 WVK327684:WVN327685 WLO327684:WLR327685 WBS327684:WBV327685 VRW327684:VRZ327685 VIA327684:VID327685 UYE327684:UYH327685 UOI327684:UOL327685 UEM327684:UEP327685 TUQ327684:TUT327685 TKU327684:TKX327685 TAY327684:TBB327685 SRC327684:SRF327685 SHG327684:SHJ327685 RXK327684:RXN327685 RNO327684:RNR327685 RDS327684:RDV327685 QTW327684:QTZ327685 QKA327684:QKD327685 QAE327684:QAH327685 PQI327684:PQL327685 PGM327684:PGP327685 OWQ327684:OWT327685 OMU327684:OMX327685 OCY327684:ODB327685 NTC327684:NTF327685 NJG327684:NJJ327685 MZK327684:MZN327685 MPO327684:MPR327685 MFS327684:MFV327685 LVW327684:LVZ327685 LMA327684:LMD327685 LCE327684:LCH327685 KSI327684:KSL327685 KIM327684:KIP327685 JYQ327684:JYT327685 JOU327684:JOX327685 JEY327684:JFB327685 IVC327684:IVF327685 ILG327684:ILJ327685 IBK327684:IBN327685 HRO327684:HRR327685 HHS327684:HHV327685 GXW327684:GXZ327685 GOA327684:GOD327685 GEE327684:GEH327685 FUI327684:FUL327685 FKM327684:FKP327685 FAQ327684:FAT327685 EQU327684:EQX327685 EGY327684:EHB327685 DXC327684:DXF327685 DNG327684:DNJ327685 DDK327684:DDN327685 CTO327684:CTR327685 CJS327684:CJV327685 BZW327684:BZZ327685 BQA327684:BQD327685 BGE327684:BGH327685 AWI327684:AWL327685 AMM327684:AMP327685 ACQ327684:ACT327685 SU327684:SX327685 IY327684:JB327685 J327684:M327685 WVK262148:WVN262149 WLO262148:WLR262149 WBS262148:WBV262149 VRW262148:VRZ262149 VIA262148:VID262149 UYE262148:UYH262149 UOI262148:UOL262149 UEM262148:UEP262149 TUQ262148:TUT262149 TKU262148:TKX262149 TAY262148:TBB262149 SRC262148:SRF262149 SHG262148:SHJ262149 RXK262148:RXN262149 RNO262148:RNR262149 RDS262148:RDV262149 QTW262148:QTZ262149 QKA262148:QKD262149 QAE262148:QAH262149 PQI262148:PQL262149 PGM262148:PGP262149 OWQ262148:OWT262149 OMU262148:OMX262149 OCY262148:ODB262149 NTC262148:NTF262149 NJG262148:NJJ262149 MZK262148:MZN262149 MPO262148:MPR262149 MFS262148:MFV262149 LVW262148:LVZ262149 LMA262148:LMD262149 LCE262148:LCH262149 KSI262148:KSL262149 KIM262148:KIP262149 JYQ262148:JYT262149 JOU262148:JOX262149 JEY262148:JFB262149 IVC262148:IVF262149 ILG262148:ILJ262149 IBK262148:IBN262149 HRO262148:HRR262149 HHS262148:HHV262149 GXW262148:GXZ262149 GOA262148:GOD262149 GEE262148:GEH262149 FUI262148:FUL262149 FKM262148:FKP262149 FAQ262148:FAT262149 EQU262148:EQX262149 EGY262148:EHB262149 DXC262148:DXF262149 DNG262148:DNJ262149 DDK262148:DDN262149 CTO262148:CTR262149 CJS262148:CJV262149 BZW262148:BZZ262149 BQA262148:BQD262149 BGE262148:BGH262149 AWI262148:AWL262149 AMM262148:AMP262149 ACQ262148:ACT262149 SU262148:SX262149 IY262148:JB262149 J262148:M262149 WVK196612:WVN196613 WLO196612:WLR196613 WBS196612:WBV196613 VRW196612:VRZ196613 VIA196612:VID196613 UYE196612:UYH196613 UOI196612:UOL196613 UEM196612:UEP196613 TUQ196612:TUT196613 TKU196612:TKX196613 TAY196612:TBB196613 SRC196612:SRF196613 SHG196612:SHJ196613 RXK196612:RXN196613 RNO196612:RNR196613 RDS196612:RDV196613 QTW196612:QTZ196613 QKA196612:QKD196613 QAE196612:QAH196613 PQI196612:PQL196613 PGM196612:PGP196613 OWQ196612:OWT196613 OMU196612:OMX196613 OCY196612:ODB196613 NTC196612:NTF196613 NJG196612:NJJ196613 MZK196612:MZN196613 MPO196612:MPR196613 MFS196612:MFV196613 LVW196612:LVZ196613 LMA196612:LMD196613 LCE196612:LCH196613 KSI196612:KSL196613 KIM196612:KIP196613 JYQ196612:JYT196613 JOU196612:JOX196613 JEY196612:JFB196613 IVC196612:IVF196613 ILG196612:ILJ196613 IBK196612:IBN196613 HRO196612:HRR196613 HHS196612:HHV196613 GXW196612:GXZ196613 GOA196612:GOD196613 GEE196612:GEH196613 FUI196612:FUL196613 FKM196612:FKP196613 FAQ196612:FAT196613 EQU196612:EQX196613 EGY196612:EHB196613 DXC196612:DXF196613 DNG196612:DNJ196613 DDK196612:DDN196613 CTO196612:CTR196613 CJS196612:CJV196613 BZW196612:BZZ196613 BQA196612:BQD196613 BGE196612:BGH196613 AWI196612:AWL196613 AMM196612:AMP196613 ACQ196612:ACT196613 SU196612:SX196613 IY196612:JB196613 J196612:M196613 WVK131076:WVN131077 WLO131076:WLR131077 WBS131076:WBV131077 VRW131076:VRZ131077 VIA131076:VID131077 UYE131076:UYH131077 UOI131076:UOL131077 UEM131076:UEP131077 TUQ131076:TUT131077 TKU131076:TKX131077 TAY131076:TBB131077 SRC131076:SRF131077 SHG131076:SHJ131077 RXK131076:RXN131077 RNO131076:RNR131077 RDS131076:RDV131077 QTW131076:QTZ131077 QKA131076:QKD131077 QAE131076:QAH131077 PQI131076:PQL131077 PGM131076:PGP131077 OWQ131076:OWT131077 OMU131076:OMX131077 OCY131076:ODB131077 NTC131076:NTF131077 NJG131076:NJJ131077 MZK131076:MZN131077 MPO131076:MPR131077 MFS131076:MFV131077 LVW131076:LVZ131077 LMA131076:LMD131077 LCE131076:LCH131077 KSI131076:KSL131077 KIM131076:KIP131077 JYQ131076:JYT131077 JOU131076:JOX131077 JEY131076:JFB131077 IVC131076:IVF131077 ILG131076:ILJ131077 IBK131076:IBN131077 HRO131076:HRR131077 HHS131076:HHV131077 GXW131076:GXZ131077 GOA131076:GOD131077 GEE131076:GEH131077 FUI131076:FUL131077 FKM131076:FKP131077 FAQ131076:FAT131077 EQU131076:EQX131077 EGY131076:EHB131077 DXC131076:DXF131077 DNG131076:DNJ131077 DDK131076:DDN131077 CTO131076:CTR131077 CJS131076:CJV131077 BZW131076:BZZ131077 BQA131076:BQD131077 BGE131076:BGH131077 AWI131076:AWL131077 AMM131076:AMP131077 ACQ131076:ACT131077 SU131076:SX131077 IY131076:JB131077 J131076:M131077 WVK65540:WVN65541 WLO65540:WLR65541 WBS65540:WBV65541 VRW65540:VRZ65541 VIA65540:VID65541 UYE65540:UYH65541 UOI65540:UOL65541 UEM65540:UEP65541 TUQ65540:TUT65541 TKU65540:TKX65541 TAY65540:TBB65541 SRC65540:SRF65541 SHG65540:SHJ65541 RXK65540:RXN65541 RNO65540:RNR65541 RDS65540:RDV65541 QTW65540:QTZ65541 QKA65540:QKD65541 QAE65540:QAH65541 PQI65540:PQL65541 PGM65540:PGP65541 OWQ65540:OWT65541 OMU65540:OMX65541 OCY65540:ODB65541 NTC65540:NTF65541 NJG65540:NJJ65541 MZK65540:MZN65541 MPO65540:MPR65541 MFS65540:MFV65541 LVW65540:LVZ65541 LMA65540:LMD65541 LCE65540:LCH65541 KSI65540:KSL65541 KIM65540:KIP65541 JYQ65540:JYT65541 JOU65540:JOX65541 JEY65540:JFB65541 IVC65540:IVF65541 ILG65540:ILJ65541 IBK65540:IBN65541 HRO65540:HRR65541 HHS65540:HHV65541 GXW65540:GXZ65541 GOA65540:GOD65541 GEE65540:GEH65541 FUI65540:FUL65541 FKM65540:FKP65541 FAQ65540:FAT65541 EQU65540:EQX65541 EGY65540:EHB65541 DXC65540:DXF65541 DNG65540:DNJ65541 DDK65540:DDN65541 CTO65540:CTR65541 CJS65540:CJV65541 BZW65540:BZZ65541 BQA65540:BQD65541 BGE65540:BGH65541 AWI65540:AWL65541 AMM65540:AMP65541 ACQ65540:ACT65541 SU65540:SX65541 IY65540:JB65541 J65540:M65541 WVP983044:WVR983044 WLT983044:WLV983044 WBX983044:WBZ983044 VSB983044:VSD983044 VIF983044:VIH983044 UYJ983044:UYL983044 UON983044:UOP983044 UER983044:UET983044 TUV983044:TUX983044 TKZ983044:TLB983044 TBD983044:TBF983044 SRH983044:SRJ983044 SHL983044:SHN983044 RXP983044:RXR983044 RNT983044:RNV983044 RDX983044:RDZ983044 QUB983044:QUD983044 QKF983044:QKH983044 QAJ983044:QAL983044 PQN983044:PQP983044 PGR983044:PGT983044 OWV983044:OWX983044 OMZ983044:ONB983044 ODD983044:ODF983044 NTH983044:NTJ983044 NJL983044:NJN983044 MZP983044:MZR983044 MPT983044:MPV983044 MFX983044:MFZ983044 LWB983044:LWD983044 LMF983044:LMH983044 LCJ983044:LCL983044 KSN983044:KSP983044 KIR983044:KIT983044 JYV983044:JYX983044 JOZ983044:JPB983044 JFD983044:JFF983044 IVH983044:IVJ983044 ILL983044:ILN983044 IBP983044:IBR983044 HRT983044:HRV983044 HHX983044:HHZ983044 GYB983044:GYD983044 GOF983044:GOH983044 GEJ983044:GEL983044 FUN983044:FUP983044 FKR983044:FKT983044 FAV983044:FAX983044 EQZ983044:ERB983044 EHD983044:EHF983044 DXH983044:DXJ983044 DNL983044:DNN983044 DDP983044:DDR983044 CTT983044:CTV983044 CJX983044:CJZ983044 CAB983044:CAD983044 BQF983044:BQH983044 BGJ983044:BGL983044 AWN983044:AWP983044 AMR983044:AMT983044 ACV983044:ACX983044 SZ983044:TB983044 JD983044:JF983044 O983044:Q983044 WVP917508:WVR917508 WLT917508:WLV917508 WBX917508:WBZ917508 VSB917508:VSD917508 VIF917508:VIH917508 UYJ917508:UYL917508 UON917508:UOP917508 UER917508:UET917508 TUV917508:TUX917508 TKZ917508:TLB917508 TBD917508:TBF917508 SRH917508:SRJ917508 SHL917508:SHN917508 RXP917508:RXR917508 RNT917508:RNV917508 RDX917508:RDZ917508 QUB917508:QUD917508 QKF917508:QKH917508 QAJ917508:QAL917508 PQN917508:PQP917508 PGR917508:PGT917508 OWV917508:OWX917508 OMZ917508:ONB917508 ODD917508:ODF917508 NTH917508:NTJ917508 NJL917508:NJN917508 MZP917508:MZR917508 MPT917508:MPV917508 MFX917508:MFZ917508 LWB917508:LWD917508 LMF917508:LMH917508 LCJ917508:LCL917508 KSN917508:KSP917508 KIR917508:KIT917508 JYV917508:JYX917508 JOZ917508:JPB917508 JFD917508:JFF917508 IVH917508:IVJ917508 ILL917508:ILN917508 IBP917508:IBR917508 HRT917508:HRV917508 HHX917508:HHZ917508 GYB917508:GYD917508 GOF917508:GOH917508 GEJ917508:GEL917508 FUN917508:FUP917508 FKR917508:FKT917508 FAV917508:FAX917508 EQZ917508:ERB917508 EHD917508:EHF917508 DXH917508:DXJ917508 DNL917508:DNN917508 DDP917508:DDR917508 CTT917508:CTV917508 CJX917508:CJZ917508 CAB917508:CAD917508 BQF917508:BQH917508 BGJ917508:BGL917508 AWN917508:AWP917508 AMR917508:AMT917508 ACV917508:ACX917508 SZ917508:TB917508 JD917508:JF917508 O917508:Q917508 WVP851972:WVR851972 WLT851972:WLV851972 WBX851972:WBZ851972 VSB851972:VSD851972 VIF851972:VIH851972 UYJ851972:UYL851972 UON851972:UOP851972 UER851972:UET851972 TUV851972:TUX851972 TKZ851972:TLB851972 TBD851972:TBF851972 SRH851972:SRJ851972 SHL851972:SHN851972 RXP851972:RXR851972 RNT851972:RNV851972 RDX851972:RDZ851972 QUB851972:QUD851972 QKF851972:QKH851972 QAJ851972:QAL851972 PQN851972:PQP851972 PGR851972:PGT851972 OWV851972:OWX851972 OMZ851972:ONB851972 ODD851972:ODF851972 NTH851972:NTJ851972 NJL851972:NJN851972 MZP851972:MZR851972 MPT851972:MPV851972 MFX851972:MFZ851972 LWB851972:LWD851972 LMF851972:LMH851972 LCJ851972:LCL851972 KSN851972:KSP851972 KIR851972:KIT851972 JYV851972:JYX851972 JOZ851972:JPB851972 JFD851972:JFF851972 IVH851972:IVJ851972 ILL851972:ILN851972 IBP851972:IBR851972 HRT851972:HRV851972 HHX851972:HHZ851972 GYB851972:GYD851972 GOF851972:GOH851972 GEJ851972:GEL851972 FUN851972:FUP851972 FKR851972:FKT851972 FAV851972:FAX851972 EQZ851972:ERB851972 EHD851972:EHF851972 DXH851972:DXJ851972 DNL851972:DNN851972 DDP851972:DDR851972 CTT851972:CTV851972 CJX851972:CJZ851972 CAB851972:CAD851972 BQF851972:BQH851972 BGJ851972:BGL851972 AWN851972:AWP851972 AMR851972:AMT851972 ACV851972:ACX851972 SZ851972:TB851972 JD851972:JF851972 O851972:Q851972 WVP786436:WVR786436 WLT786436:WLV786436 WBX786436:WBZ786436 VSB786436:VSD786436 VIF786436:VIH786436 UYJ786436:UYL786436 UON786436:UOP786436 UER786436:UET786436 TUV786436:TUX786436 TKZ786436:TLB786436 TBD786436:TBF786436 SRH786436:SRJ786436 SHL786436:SHN786436 RXP786436:RXR786436 RNT786436:RNV786436 RDX786436:RDZ786436 QUB786436:QUD786436 QKF786436:QKH786436 QAJ786436:QAL786436 PQN786436:PQP786436 PGR786436:PGT786436 OWV786436:OWX786436 OMZ786436:ONB786436 ODD786436:ODF786436 NTH786436:NTJ786436 NJL786436:NJN786436 MZP786436:MZR786436 MPT786436:MPV786436 MFX786436:MFZ786436 LWB786436:LWD786436 LMF786436:LMH786436 LCJ786436:LCL786436 KSN786436:KSP786436 KIR786436:KIT786436 JYV786436:JYX786436 JOZ786436:JPB786436 JFD786436:JFF786436 IVH786436:IVJ786436 ILL786436:ILN786436 IBP786436:IBR786436 HRT786436:HRV786436 HHX786436:HHZ786436 GYB786436:GYD786436 GOF786436:GOH786436 GEJ786436:GEL786436 FUN786436:FUP786436 FKR786436:FKT786436 FAV786436:FAX786436 EQZ786436:ERB786436 EHD786436:EHF786436 DXH786436:DXJ786436 DNL786436:DNN786436 DDP786436:DDR786436 CTT786436:CTV786436 CJX786436:CJZ786436 CAB786436:CAD786436 BQF786436:BQH786436 BGJ786436:BGL786436 AWN786436:AWP786436 AMR786436:AMT786436 ACV786436:ACX786436 SZ786436:TB786436 JD786436:JF786436 O786436:Q786436 WVP720900:WVR720900 WLT720900:WLV720900 WBX720900:WBZ720900 VSB720900:VSD720900 VIF720900:VIH720900 UYJ720900:UYL720900 UON720900:UOP720900 UER720900:UET720900 TUV720900:TUX720900 TKZ720900:TLB720900 TBD720900:TBF720900 SRH720900:SRJ720900 SHL720900:SHN720900 RXP720900:RXR720900 RNT720900:RNV720900 RDX720900:RDZ720900 QUB720900:QUD720900 QKF720900:QKH720900 QAJ720900:QAL720900 PQN720900:PQP720900 PGR720900:PGT720900 OWV720900:OWX720900 OMZ720900:ONB720900 ODD720900:ODF720900 NTH720900:NTJ720900 NJL720900:NJN720900 MZP720900:MZR720900 MPT720900:MPV720900 MFX720900:MFZ720900 LWB720900:LWD720900 LMF720900:LMH720900 LCJ720900:LCL720900 KSN720900:KSP720900 KIR720900:KIT720900 JYV720900:JYX720900 JOZ720900:JPB720900 JFD720900:JFF720900 IVH720900:IVJ720900 ILL720900:ILN720900 IBP720900:IBR720900 HRT720900:HRV720900 HHX720900:HHZ720900 GYB720900:GYD720900 GOF720900:GOH720900 GEJ720900:GEL720900 FUN720900:FUP720900 FKR720900:FKT720900 FAV720900:FAX720900 EQZ720900:ERB720900 EHD720900:EHF720900 DXH720900:DXJ720900 DNL720900:DNN720900 DDP720900:DDR720900 CTT720900:CTV720900 CJX720900:CJZ720900 CAB720900:CAD720900 BQF720900:BQH720900 BGJ720900:BGL720900 AWN720900:AWP720900 AMR720900:AMT720900 ACV720900:ACX720900 SZ720900:TB720900 JD720900:JF720900 O720900:Q720900 WVP655364:WVR655364 WLT655364:WLV655364 WBX655364:WBZ655364 VSB655364:VSD655364 VIF655364:VIH655364 UYJ655364:UYL655364 UON655364:UOP655364 UER655364:UET655364 TUV655364:TUX655364 TKZ655364:TLB655364 TBD655364:TBF655364 SRH655364:SRJ655364 SHL655364:SHN655364 RXP655364:RXR655364 RNT655364:RNV655364 RDX655364:RDZ655364 QUB655364:QUD655364 QKF655364:QKH655364 QAJ655364:QAL655364 PQN655364:PQP655364 PGR655364:PGT655364 OWV655364:OWX655364 OMZ655364:ONB655364 ODD655364:ODF655364 NTH655364:NTJ655364 NJL655364:NJN655364 MZP655364:MZR655364 MPT655364:MPV655364 MFX655364:MFZ655364 LWB655364:LWD655364 LMF655364:LMH655364 LCJ655364:LCL655364 KSN655364:KSP655364 KIR655364:KIT655364 JYV655364:JYX655364 JOZ655364:JPB655364 JFD655364:JFF655364 IVH655364:IVJ655364 ILL655364:ILN655364 IBP655364:IBR655364 HRT655364:HRV655364 HHX655364:HHZ655364 GYB655364:GYD655364 GOF655364:GOH655364 GEJ655364:GEL655364 FUN655364:FUP655364 FKR655364:FKT655364 FAV655364:FAX655364 EQZ655364:ERB655364 EHD655364:EHF655364 DXH655364:DXJ655364 DNL655364:DNN655364 DDP655364:DDR655364 CTT655364:CTV655364 CJX655364:CJZ655364 CAB655364:CAD655364 BQF655364:BQH655364 BGJ655364:BGL655364 AWN655364:AWP655364 AMR655364:AMT655364 ACV655364:ACX655364 SZ655364:TB655364 JD655364:JF655364 O655364:Q655364 WVP589828:WVR589828 WLT589828:WLV589828 WBX589828:WBZ589828 VSB589828:VSD589828 VIF589828:VIH589828 UYJ589828:UYL589828 UON589828:UOP589828 UER589828:UET589828 TUV589828:TUX589828 TKZ589828:TLB589828 TBD589828:TBF589828 SRH589828:SRJ589828 SHL589828:SHN589828 RXP589828:RXR589828 RNT589828:RNV589828 RDX589828:RDZ589828 QUB589828:QUD589828 QKF589828:QKH589828 QAJ589828:QAL589828 PQN589828:PQP589828 PGR589828:PGT589828 OWV589828:OWX589828 OMZ589828:ONB589828 ODD589828:ODF589828 NTH589828:NTJ589828 NJL589828:NJN589828 MZP589828:MZR589828 MPT589828:MPV589828 MFX589828:MFZ589828 LWB589828:LWD589828 LMF589828:LMH589828 LCJ589828:LCL589828 KSN589828:KSP589828 KIR589828:KIT589828 JYV589828:JYX589828 JOZ589828:JPB589828 JFD589828:JFF589828 IVH589828:IVJ589828 ILL589828:ILN589828 IBP589828:IBR589828 HRT589828:HRV589828 HHX589828:HHZ589828 GYB589828:GYD589828 GOF589828:GOH589828 GEJ589828:GEL589828 FUN589828:FUP589828 FKR589828:FKT589828 FAV589828:FAX589828 EQZ589828:ERB589828 EHD589828:EHF589828 DXH589828:DXJ589828 DNL589828:DNN589828 DDP589828:DDR589828 CTT589828:CTV589828 CJX589828:CJZ589828 CAB589828:CAD589828 BQF589828:BQH589828 BGJ589828:BGL589828 AWN589828:AWP589828 AMR589828:AMT589828 ACV589828:ACX589828 SZ589828:TB589828 JD589828:JF589828 O589828:Q589828 WVP524292:WVR524292 WLT524292:WLV524292 WBX524292:WBZ524292 VSB524292:VSD524292 VIF524292:VIH524292 UYJ524292:UYL524292 UON524292:UOP524292 UER524292:UET524292 TUV524292:TUX524292 TKZ524292:TLB524292 TBD524292:TBF524292 SRH524292:SRJ524292 SHL524292:SHN524292 RXP524292:RXR524292 RNT524292:RNV524292 RDX524292:RDZ524292 QUB524292:QUD524292 QKF524292:QKH524292 QAJ524292:QAL524292 PQN524292:PQP524292 PGR524292:PGT524292 OWV524292:OWX524292 OMZ524292:ONB524292 ODD524292:ODF524292 NTH524292:NTJ524292 NJL524292:NJN524292 MZP524292:MZR524292 MPT524292:MPV524292 MFX524292:MFZ524292 LWB524292:LWD524292 LMF524292:LMH524292 LCJ524292:LCL524292 KSN524292:KSP524292 KIR524292:KIT524292 JYV524292:JYX524292 JOZ524292:JPB524292 JFD524292:JFF524292 IVH524292:IVJ524292 ILL524292:ILN524292 IBP524292:IBR524292 HRT524292:HRV524292 HHX524292:HHZ524292 GYB524292:GYD524292 GOF524292:GOH524292 GEJ524292:GEL524292 FUN524292:FUP524292 FKR524292:FKT524292 FAV524292:FAX524292 EQZ524292:ERB524292 EHD524292:EHF524292 DXH524292:DXJ524292 DNL524292:DNN524292 DDP524292:DDR524292 CTT524292:CTV524292 CJX524292:CJZ524292 CAB524292:CAD524292 BQF524292:BQH524292 BGJ524292:BGL524292 AWN524292:AWP524292 AMR524292:AMT524292 ACV524292:ACX524292 SZ524292:TB524292 JD524292:JF524292 O524292:Q524292 WVP458756:WVR458756 WLT458756:WLV458756 WBX458756:WBZ458756 VSB458756:VSD458756 VIF458756:VIH458756 UYJ458756:UYL458756 UON458756:UOP458756 UER458756:UET458756 TUV458756:TUX458756 TKZ458756:TLB458756 TBD458756:TBF458756 SRH458756:SRJ458756 SHL458756:SHN458756 RXP458756:RXR458756 RNT458756:RNV458756 RDX458756:RDZ458756 QUB458756:QUD458756 QKF458756:QKH458756 QAJ458756:QAL458756 PQN458756:PQP458756 PGR458756:PGT458756 OWV458756:OWX458756 OMZ458756:ONB458756 ODD458756:ODF458756 NTH458756:NTJ458756 NJL458756:NJN458756 MZP458756:MZR458756 MPT458756:MPV458756 MFX458756:MFZ458756 LWB458756:LWD458756 LMF458756:LMH458756 LCJ458756:LCL458756 KSN458756:KSP458756 KIR458756:KIT458756 JYV458756:JYX458756 JOZ458756:JPB458756 JFD458756:JFF458756 IVH458756:IVJ458756 ILL458756:ILN458756 IBP458756:IBR458756 HRT458756:HRV458756 HHX458756:HHZ458756 GYB458756:GYD458756 GOF458756:GOH458756 GEJ458756:GEL458756 FUN458756:FUP458756 FKR458756:FKT458756 FAV458756:FAX458756 EQZ458756:ERB458756 EHD458756:EHF458756 DXH458756:DXJ458756 DNL458756:DNN458756 DDP458756:DDR458756 CTT458756:CTV458756 CJX458756:CJZ458756 CAB458756:CAD458756 BQF458756:BQH458756 BGJ458756:BGL458756 AWN458756:AWP458756 AMR458756:AMT458756 ACV458756:ACX458756 SZ458756:TB458756 JD458756:JF458756 O458756:Q458756 WVP393220:WVR393220 WLT393220:WLV393220 WBX393220:WBZ393220 VSB393220:VSD393220 VIF393220:VIH393220 UYJ393220:UYL393220 UON393220:UOP393220 UER393220:UET393220 TUV393220:TUX393220 TKZ393220:TLB393220 TBD393220:TBF393220 SRH393220:SRJ393220 SHL393220:SHN393220 RXP393220:RXR393220 RNT393220:RNV393220 RDX393220:RDZ393220 QUB393220:QUD393220 QKF393220:QKH393220 QAJ393220:QAL393220 PQN393220:PQP393220 PGR393220:PGT393220 OWV393220:OWX393220 OMZ393220:ONB393220 ODD393220:ODF393220 NTH393220:NTJ393220 NJL393220:NJN393220 MZP393220:MZR393220 MPT393220:MPV393220 MFX393220:MFZ393220 LWB393220:LWD393220 LMF393220:LMH393220 LCJ393220:LCL393220 KSN393220:KSP393220 KIR393220:KIT393220 JYV393220:JYX393220 JOZ393220:JPB393220 JFD393220:JFF393220 IVH393220:IVJ393220 ILL393220:ILN393220 IBP393220:IBR393220 HRT393220:HRV393220 HHX393220:HHZ393220 GYB393220:GYD393220 GOF393220:GOH393220 GEJ393220:GEL393220 FUN393220:FUP393220 FKR393220:FKT393220 FAV393220:FAX393220 EQZ393220:ERB393220 EHD393220:EHF393220 DXH393220:DXJ393220 DNL393220:DNN393220 DDP393220:DDR393220 CTT393220:CTV393220 CJX393220:CJZ393220 CAB393220:CAD393220 BQF393220:BQH393220 BGJ393220:BGL393220 AWN393220:AWP393220 AMR393220:AMT393220 ACV393220:ACX393220 SZ393220:TB393220 JD393220:JF393220 O393220:Q393220 WVP327684:WVR327684 WLT327684:WLV327684 WBX327684:WBZ327684 VSB327684:VSD327684 VIF327684:VIH327684 UYJ327684:UYL327684 UON327684:UOP327684 UER327684:UET327684 TUV327684:TUX327684 TKZ327684:TLB327684 TBD327684:TBF327684 SRH327684:SRJ327684 SHL327684:SHN327684 RXP327684:RXR327684 RNT327684:RNV327684 RDX327684:RDZ327684 QUB327684:QUD327684 QKF327684:QKH327684 QAJ327684:QAL327684 PQN327684:PQP327684 PGR327684:PGT327684 OWV327684:OWX327684 OMZ327684:ONB327684 ODD327684:ODF327684 NTH327684:NTJ327684 NJL327684:NJN327684 MZP327684:MZR327684 MPT327684:MPV327684 MFX327684:MFZ327684 LWB327684:LWD327684 LMF327684:LMH327684 LCJ327684:LCL327684 KSN327684:KSP327684 KIR327684:KIT327684 JYV327684:JYX327684 JOZ327684:JPB327684 JFD327684:JFF327684 IVH327684:IVJ327684 ILL327684:ILN327684 IBP327684:IBR327684 HRT327684:HRV327684 HHX327684:HHZ327684 GYB327684:GYD327684 GOF327684:GOH327684 GEJ327684:GEL327684 FUN327684:FUP327684 FKR327684:FKT327684 FAV327684:FAX327684 EQZ327684:ERB327684 EHD327684:EHF327684 DXH327684:DXJ327684 DNL327684:DNN327684 DDP327684:DDR327684 CTT327684:CTV327684 CJX327684:CJZ327684 CAB327684:CAD327684 BQF327684:BQH327684 BGJ327684:BGL327684 AWN327684:AWP327684 AMR327684:AMT327684 ACV327684:ACX327684 SZ327684:TB327684 JD327684:JF327684 O327684:Q327684 WVP262148:WVR262148 WLT262148:WLV262148 WBX262148:WBZ262148 VSB262148:VSD262148 VIF262148:VIH262148 UYJ262148:UYL262148 UON262148:UOP262148 UER262148:UET262148 TUV262148:TUX262148 TKZ262148:TLB262148 TBD262148:TBF262148 SRH262148:SRJ262148 SHL262148:SHN262148 RXP262148:RXR262148 RNT262148:RNV262148 RDX262148:RDZ262148 QUB262148:QUD262148 QKF262148:QKH262148 QAJ262148:QAL262148 PQN262148:PQP262148 PGR262148:PGT262148 OWV262148:OWX262148 OMZ262148:ONB262148 ODD262148:ODF262148 NTH262148:NTJ262148 NJL262148:NJN262148 MZP262148:MZR262148 MPT262148:MPV262148 MFX262148:MFZ262148 LWB262148:LWD262148 LMF262148:LMH262148 LCJ262148:LCL262148 KSN262148:KSP262148 KIR262148:KIT262148 JYV262148:JYX262148 JOZ262148:JPB262148 JFD262148:JFF262148 IVH262148:IVJ262148 ILL262148:ILN262148 IBP262148:IBR262148 HRT262148:HRV262148 HHX262148:HHZ262148 GYB262148:GYD262148 GOF262148:GOH262148 GEJ262148:GEL262148 FUN262148:FUP262148 FKR262148:FKT262148 FAV262148:FAX262148 EQZ262148:ERB262148 EHD262148:EHF262148 DXH262148:DXJ262148 DNL262148:DNN262148 DDP262148:DDR262148 CTT262148:CTV262148 CJX262148:CJZ262148 CAB262148:CAD262148 BQF262148:BQH262148 BGJ262148:BGL262148 AWN262148:AWP262148 AMR262148:AMT262148 ACV262148:ACX262148 SZ262148:TB262148 JD262148:JF262148 O262148:Q262148 WVP196612:WVR196612 WLT196612:WLV196612 WBX196612:WBZ196612 VSB196612:VSD196612 VIF196612:VIH196612 UYJ196612:UYL196612 UON196612:UOP196612 UER196612:UET196612 TUV196612:TUX196612 TKZ196612:TLB196612 TBD196612:TBF196612 SRH196612:SRJ196612 SHL196612:SHN196612 RXP196612:RXR196612 RNT196612:RNV196612 RDX196612:RDZ196612 QUB196612:QUD196612 QKF196612:QKH196612 QAJ196612:QAL196612 PQN196612:PQP196612 PGR196612:PGT196612 OWV196612:OWX196612 OMZ196612:ONB196612 ODD196612:ODF196612 NTH196612:NTJ196612 NJL196612:NJN196612 MZP196612:MZR196612 MPT196612:MPV196612 MFX196612:MFZ196612 LWB196612:LWD196612 LMF196612:LMH196612 LCJ196612:LCL196612 KSN196612:KSP196612 KIR196612:KIT196612 JYV196612:JYX196612 JOZ196612:JPB196612 JFD196612:JFF196612 IVH196612:IVJ196612 ILL196612:ILN196612 IBP196612:IBR196612 HRT196612:HRV196612 HHX196612:HHZ196612 GYB196612:GYD196612 GOF196612:GOH196612 GEJ196612:GEL196612 FUN196612:FUP196612 FKR196612:FKT196612 FAV196612:FAX196612 EQZ196612:ERB196612 EHD196612:EHF196612 DXH196612:DXJ196612 DNL196612:DNN196612 DDP196612:DDR196612 CTT196612:CTV196612 CJX196612:CJZ196612 CAB196612:CAD196612 BQF196612:BQH196612 BGJ196612:BGL196612 AWN196612:AWP196612 AMR196612:AMT196612 ACV196612:ACX196612 SZ196612:TB196612 JD196612:JF196612 O196612:Q196612 WVP131076:WVR131076 WLT131076:WLV131076 WBX131076:WBZ131076 VSB131076:VSD131076 VIF131076:VIH131076 UYJ131076:UYL131076 UON131076:UOP131076 UER131076:UET131076 TUV131076:TUX131076 TKZ131076:TLB131076 TBD131076:TBF131076 SRH131076:SRJ131076 SHL131076:SHN131076 RXP131076:RXR131076 RNT131076:RNV131076 RDX131076:RDZ131076 QUB131076:QUD131076 QKF131076:QKH131076 QAJ131076:QAL131076 PQN131076:PQP131076 PGR131076:PGT131076 OWV131076:OWX131076 OMZ131076:ONB131076 ODD131076:ODF131076 NTH131076:NTJ131076 NJL131076:NJN131076 MZP131076:MZR131076 MPT131076:MPV131076 MFX131076:MFZ131076 LWB131076:LWD131076 LMF131076:LMH131076 LCJ131076:LCL131076 KSN131076:KSP131076 KIR131076:KIT131076 JYV131076:JYX131076 JOZ131076:JPB131076 JFD131076:JFF131076 IVH131076:IVJ131076 ILL131076:ILN131076 IBP131076:IBR131076 HRT131076:HRV131076 HHX131076:HHZ131076 GYB131076:GYD131076 GOF131076:GOH131076 GEJ131076:GEL131076 FUN131076:FUP131076 FKR131076:FKT131076 FAV131076:FAX131076 EQZ131076:ERB131076 EHD131076:EHF131076 DXH131076:DXJ131076 DNL131076:DNN131076 DDP131076:DDR131076 CTT131076:CTV131076 CJX131076:CJZ131076 CAB131076:CAD131076 BQF131076:BQH131076 BGJ131076:BGL131076 AWN131076:AWP131076 AMR131076:AMT131076 ACV131076:ACX131076 SZ131076:TB131076 JD131076:JF131076 O131076:Q131076 WVP65540:WVR65540 WLT65540:WLV65540 WBX65540:WBZ65540 VSB65540:VSD65540 VIF65540:VIH65540 UYJ65540:UYL65540 UON65540:UOP65540 UER65540:UET65540 TUV65540:TUX65540 TKZ65540:TLB65540 TBD65540:TBF65540 SRH65540:SRJ65540 SHL65540:SHN65540 RXP65540:RXR65540 RNT65540:RNV65540 RDX65540:RDZ65540 QUB65540:QUD65540 QKF65540:QKH65540 QAJ65540:QAL65540 PQN65540:PQP65540 PGR65540:PGT65540 OWV65540:OWX65540 OMZ65540:ONB65540 ODD65540:ODF65540 NTH65540:NTJ65540 NJL65540:NJN65540 MZP65540:MZR65540 MPT65540:MPV65540 MFX65540:MFZ65540 LWB65540:LWD65540 LMF65540:LMH65540 LCJ65540:LCL65540 KSN65540:KSP65540 KIR65540:KIT65540 JYV65540:JYX65540 JOZ65540:JPB65540 JFD65540:JFF65540 IVH65540:IVJ65540 ILL65540:ILN65540 IBP65540:IBR65540 HRT65540:HRV65540 HHX65540:HHZ65540 GYB65540:GYD65540 GOF65540:GOH65540 GEJ65540:GEL65540 FUN65540:FUP65540 FKR65540:FKT65540 FAV65540:FAX65540 EQZ65540:ERB65540 EHD65540:EHF65540 DXH65540:DXJ65540 DNL65540:DNN65540 DDP65540:DDR65540 CTT65540:CTV65540 CJX65540:CJZ65540 CAB65540:CAD65540 BQF65540:BQH65540 BGJ65540:BGL65540 AWN65540:AWP65540 AMR65540:AMT65540 ACV65540:ACX65540 SZ65540:TB65540 JD65540:JF65540 O65540:Q65540">
      <formula1>I65539&amp;""=ASC(I65539)</formula1>
    </dataValidation>
    <dataValidation imeMode="halfAlpha" allowBlank="1" showInputMessage="1" showErrorMessage="1" sqref="WVP983049:WVR983049 WLT983049:WLV983049 WBX983049:WBZ983049 VSB983049:VSD983049 VIF983049:VIH983049 UYJ983049:UYL983049 UON983049:UOP983049 UER983049:UET983049 TUV983049:TUX983049 TKZ983049:TLB983049 TBD983049:TBF983049 SRH983049:SRJ983049 SHL983049:SHN983049 RXP983049:RXR983049 RNT983049:RNV983049 RDX983049:RDZ983049 QUB983049:QUD983049 QKF983049:QKH983049 QAJ983049:QAL983049 PQN983049:PQP983049 PGR983049:PGT983049 OWV983049:OWX983049 OMZ983049:ONB983049 ODD983049:ODF983049 NTH983049:NTJ983049 NJL983049:NJN983049 MZP983049:MZR983049 MPT983049:MPV983049 MFX983049:MFZ983049 LWB983049:LWD983049 LMF983049:LMH983049 LCJ983049:LCL983049 KSN983049:KSP983049 KIR983049:KIT983049 JYV983049:JYX983049 JOZ983049:JPB983049 JFD983049:JFF983049 IVH983049:IVJ983049 ILL983049:ILN983049 IBP983049:IBR983049 HRT983049:HRV983049 HHX983049:HHZ983049 GYB983049:GYD983049 GOF983049:GOH983049 GEJ983049:GEL983049 FUN983049:FUP983049 FKR983049:FKT983049 FAV983049:FAX983049 EQZ983049:ERB983049 EHD983049:EHF983049 DXH983049:DXJ983049 DNL983049:DNN983049 DDP983049:DDR983049 CTT983049:CTV983049 CJX983049:CJZ983049 CAB983049:CAD983049 BQF983049:BQH983049 BGJ983049:BGL983049 AWN983049:AWP983049 AMR983049:AMT983049 ACV983049:ACX983049 SZ983049:TB983049 JD983049:JF983049 O983049:Q983049 WVP917513:WVR917513 WLT917513:WLV917513 WBX917513:WBZ917513 VSB917513:VSD917513 VIF917513:VIH917513 UYJ917513:UYL917513 UON917513:UOP917513 UER917513:UET917513 TUV917513:TUX917513 TKZ917513:TLB917513 TBD917513:TBF917513 SRH917513:SRJ917513 SHL917513:SHN917513 RXP917513:RXR917513 RNT917513:RNV917513 RDX917513:RDZ917513 QUB917513:QUD917513 QKF917513:QKH917513 QAJ917513:QAL917513 PQN917513:PQP917513 PGR917513:PGT917513 OWV917513:OWX917513 OMZ917513:ONB917513 ODD917513:ODF917513 NTH917513:NTJ917513 NJL917513:NJN917513 MZP917513:MZR917513 MPT917513:MPV917513 MFX917513:MFZ917513 LWB917513:LWD917513 LMF917513:LMH917513 LCJ917513:LCL917513 KSN917513:KSP917513 KIR917513:KIT917513 JYV917513:JYX917513 JOZ917513:JPB917513 JFD917513:JFF917513 IVH917513:IVJ917513 ILL917513:ILN917513 IBP917513:IBR917513 HRT917513:HRV917513 HHX917513:HHZ917513 GYB917513:GYD917513 GOF917513:GOH917513 GEJ917513:GEL917513 FUN917513:FUP917513 FKR917513:FKT917513 FAV917513:FAX917513 EQZ917513:ERB917513 EHD917513:EHF917513 DXH917513:DXJ917513 DNL917513:DNN917513 DDP917513:DDR917513 CTT917513:CTV917513 CJX917513:CJZ917513 CAB917513:CAD917513 BQF917513:BQH917513 BGJ917513:BGL917513 AWN917513:AWP917513 AMR917513:AMT917513 ACV917513:ACX917513 SZ917513:TB917513 JD917513:JF917513 O917513:Q917513 WVP851977:WVR851977 WLT851977:WLV851977 WBX851977:WBZ851977 VSB851977:VSD851977 VIF851977:VIH851977 UYJ851977:UYL851977 UON851977:UOP851977 UER851977:UET851977 TUV851977:TUX851977 TKZ851977:TLB851977 TBD851977:TBF851977 SRH851977:SRJ851977 SHL851977:SHN851977 RXP851977:RXR851977 RNT851977:RNV851977 RDX851977:RDZ851977 QUB851977:QUD851977 QKF851977:QKH851977 QAJ851977:QAL851977 PQN851977:PQP851977 PGR851977:PGT851977 OWV851977:OWX851977 OMZ851977:ONB851977 ODD851977:ODF851977 NTH851977:NTJ851977 NJL851977:NJN851977 MZP851977:MZR851977 MPT851977:MPV851977 MFX851977:MFZ851977 LWB851977:LWD851977 LMF851977:LMH851977 LCJ851977:LCL851977 KSN851977:KSP851977 KIR851977:KIT851977 JYV851977:JYX851977 JOZ851977:JPB851977 JFD851977:JFF851977 IVH851977:IVJ851977 ILL851977:ILN851977 IBP851977:IBR851977 HRT851977:HRV851977 HHX851977:HHZ851977 GYB851977:GYD851977 GOF851977:GOH851977 GEJ851977:GEL851977 FUN851977:FUP851977 FKR851977:FKT851977 FAV851977:FAX851977 EQZ851977:ERB851977 EHD851977:EHF851977 DXH851977:DXJ851977 DNL851977:DNN851977 DDP851977:DDR851977 CTT851977:CTV851977 CJX851977:CJZ851977 CAB851977:CAD851977 BQF851977:BQH851977 BGJ851977:BGL851977 AWN851977:AWP851977 AMR851977:AMT851977 ACV851977:ACX851977 SZ851977:TB851977 JD851977:JF851977 O851977:Q851977 WVP786441:WVR786441 WLT786441:WLV786441 WBX786441:WBZ786441 VSB786441:VSD786441 VIF786441:VIH786441 UYJ786441:UYL786441 UON786441:UOP786441 UER786441:UET786441 TUV786441:TUX786441 TKZ786441:TLB786441 TBD786441:TBF786441 SRH786441:SRJ786441 SHL786441:SHN786441 RXP786441:RXR786441 RNT786441:RNV786441 RDX786441:RDZ786441 QUB786441:QUD786441 QKF786441:QKH786441 QAJ786441:QAL786441 PQN786441:PQP786441 PGR786441:PGT786441 OWV786441:OWX786441 OMZ786441:ONB786441 ODD786441:ODF786441 NTH786441:NTJ786441 NJL786441:NJN786441 MZP786441:MZR786441 MPT786441:MPV786441 MFX786441:MFZ786441 LWB786441:LWD786441 LMF786441:LMH786441 LCJ786441:LCL786441 KSN786441:KSP786441 KIR786441:KIT786441 JYV786441:JYX786441 JOZ786441:JPB786441 JFD786441:JFF786441 IVH786441:IVJ786441 ILL786441:ILN786441 IBP786441:IBR786441 HRT786441:HRV786441 HHX786441:HHZ786441 GYB786441:GYD786441 GOF786441:GOH786441 GEJ786441:GEL786441 FUN786441:FUP786441 FKR786441:FKT786441 FAV786441:FAX786441 EQZ786441:ERB786441 EHD786441:EHF786441 DXH786441:DXJ786441 DNL786441:DNN786441 DDP786441:DDR786441 CTT786441:CTV786441 CJX786441:CJZ786441 CAB786441:CAD786441 BQF786441:BQH786441 BGJ786441:BGL786441 AWN786441:AWP786441 AMR786441:AMT786441 ACV786441:ACX786441 SZ786441:TB786441 JD786441:JF786441 O786441:Q786441 WVP720905:WVR720905 WLT720905:WLV720905 WBX720905:WBZ720905 VSB720905:VSD720905 VIF720905:VIH720905 UYJ720905:UYL720905 UON720905:UOP720905 UER720905:UET720905 TUV720905:TUX720905 TKZ720905:TLB720905 TBD720905:TBF720905 SRH720905:SRJ720905 SHL720905:SHN720905 RXP720905:RXR720905 RNT720905:RNV720905 RDX720905:RDZ720905 QUB720905:QUD720905 QKF720905:QKH720905 QAJ720905:QAL720905 PQN720905:PQP720905 PGR720905:PGT720905 OWV720905:OWX720905 OMZ720905:ONB720905 ODD720905:ODF720905 NTH720905:NTJ720905 NJL720905:NJN720905 MZP720905:MZR720905 MPT720905:MPV720905 MFX720905:MFZ720905 LWB720905:LWD720905 LMF720905:LMH720905 LCJ720905:LCL720905 KSN720905:KSP720905 KIR720905:KIT720905 JYV720905:JYX720905 JOZ720905:JPB720905 JFD720905:JFF720905 IVH720905:IVJ720905 ILL720905:ILN720905 IBP720905:IBR720905 HRT720905:HRV720905 HHX720905:HHZ720905 GYB720905:GYD720905 GOF720905:GOH720905 GEJ720905:GEL720905 FUN720905:FUP720905 FKR720905:FKT720905 FAV720905:FAX720905 EQZ720905:ERB720905 EHD720905:EHF720905 DXH720905:DXJ720905 DNL720905:DNN720905 DDP720905:DDR720905 CTT720905:CTV720905 CJX720905:CJZ720905 CAB720905:CAD720905 BQF720905:BQH720905 BGJ720905:BGL720905 AWN720905:AWP720905 AMR720905:AMT720905 ACV720905:ACX720905 SZ720905:TB720905 JD720905:JF720905 O720905:Q720905 WVP655369:WVR655369 WLT655369:WLV655369 WBX655369:WBZ655369 VSB655369:VSD655369 VIF655369:VIH655369 UYJ655369:UYL655369 UON655369:UOP655369 UER655369:UET655369 TUV655369:TUX655369 TKZ655369:TLB655369 TBD655369:TBF655369 SRH655369:SRJ655369 SHL655369:SHN655369 RXP655369:RXR655369 RNT655369:RNV655369 RDX655369:RDZ655369 QUB655369:QUD655369 QKF655369:QKH655369 QAJ655369:QAL655369 PQN655369:PQP655369 PGR655369:PGT655369 OWV655369:OWX655369 OMZ655369:ONB655369 ODD655369:ODF655369 NTH655369:NTJ655369 NJL655369:NJN655369 MZP655369:MZR655369 MPT655369:MPV655369 MFX655369:MFZ655369 LWB655369:LWD655369 LMF655369:LMH655369 LCJ655369:LCL655369 KSN655369:KSP655369 KIR655369:KIT655369 JYV655369:JYX655369 JOZ655369:JPB655369 JFD655369:JFF655369 IVH655369:IVJ655369 ILL655369:ILN655369 IBP655369:IBR655369 HRT655369:HRV655369 HHX655369:HHZ655369 GYB655369:GYD655369 GOF655369:GOH655369 GEJ655369:GEL655369 FUN655369:FUP655369 FKR655369:FKT655369 FAV655369:FAX655369 EQZ655369:ERB655369 EHD655369:EHF655369 DXH655369:DXJ655369 DNL655369:DNN655369 DDP655369:DDR655369 CTT655369:CTV655369 CJX655369:CJZ655369 CAB655369:CAD655369 BQF655369:BQH655369 BGJ655369:BGL655369 AWN655369:AWP655369 AMR655369:AMT655369 ACV655369:ACX655369 SZ655369:TB655369 JD655369:JF655369 O655369:Q655369 WVP589833:WVR589833 WLT589833:WLV589833 WBX589833:WBZ589833 VSB589833:VSD589833 VIF589833:VIH589833 UYJ589833:UYL589833 UON589833:UOP589833 UER589833:UET589833 TUV589833:TUX589833 TKZ589833:TLB589833 TBD589833:TBF589833 SRH589833:SRJ589833 SHL589833:SHN589833 RXP589833:RXR589833 RNT589833:RNV589833 RDX589833:RDZ589833 QUB589833:QUD589833 QKF589833:QKH589833 QAJ589833:QAL589833 PQN589833:PQP589833 PGR589833:PGT589833 OWV589833:OWX589833 OMZ589833:ONB589833 ODD589833:ODF589833 NTH589833:NTJ589833 NJL589833:NJN589833 MZP589833:MZR589833 MPT589833:MPV589833 MFX589833:MFZ589833 LWB589833:LWD589833 LMF589833:LMH589833 LCJ589833:LCL589833 KSN589833:KSP589833 KIR589833:KIT589833 JYV589833:JYX589833 JOZ589833:JPB589833 JFD589833:JFF589833 IVH589833:IVJ589833 ILL589833:ILN589833 IBP589833:IBR589833 HRT589833:HRV589833 HHX589833:HHZ589833 GYB589833:GYD589833 GOF589833:GOH589833 GEJ589833:GEL589833 FUN589833:FUP589833 FKR589833:FKT589833 FAV589833:FAX589833 EQZ589833:ERB589833 EHD589833:EHF589833 DXH589833:DXJ589833 DNL589833:DNN589833 DDP589833:DDR589833 CTT589833:CTV589833 CJX589833:CJZ589833 CAB589833:CAD589833 BQF589833:BQH589833 BGJ589833:BGL589833 AWN589833:AWP589833 AMR589833:AMT589833 ACV589833:ACX589833 SZ589833:TB589833 JD589833:JF589833 O589833:Q589833 WVP524297:WVR524297 WLT524297:WLV524297 WBX524297:WBZ524297 VSB524297:VSD524297 VIF524297:VIH524297 UYJ524297:UYL524297 UON524297:UOP524297 UER524297:UET524297 TUV524297:TUX524297 TKZ524297:TLB524297 TBD524297:TBF524297 SRH524297:SRJ524297 SHL524297:SHN524297 RXP524297:RXR524297 RNT524297:RNV524297 RDX524297:RDZ524297 QUB524297:QUD524297 QKF524297:QKH524297 QAJ524297:QAL524297 PQN524297:PQP524297 PGR524297:PGT524297 OWV524297:OWX524297 OMZ524297:ONB524297 ODD524297:ODF524297 NTH524297:NTJ524297 NJL524297:NJN524297 MZP524297:MZR524297 MPT524297:MPV524297 MFX524297:MFZ524297 LWB524297:LWD524297 LMF524297:LMH524297 LCJ524297:LCL524297 KSN524297:KSP524297 KIR524297:KIT524297 JYV524297:JYX524297 JOZ524297:JPB524297 JFD524297:JFF524297 IVH524297:IVJ524297 ILL524297:ILN524297 IBP524297:IBR524297 HRT524297:HRV524297 HHX524297:HHZ524297 GYB524297:GYD524297 GOF524297:GOH524297 GEJ524297:GEL524297 FUN524297:FUP524297 FKR524297:FKT524297 FAV524297:FAX524297 EQZ524297:ERB524297 EHD524297:EHF524297 DXH524297:DXJ524297 DNL524297:DNN524297 DDP524297:DDR524297 CTT524297:CTV524297 CJX524297:CJZ524297 CAB524297:CAD524297 BQF524297:BQH524297 BGJ524297:BGL524297 AWN524297:AWP524297 AMR524297:AMT524297 ACV524297:ACX524297 SZ524297:TB524297 JD524297:JF524297 O524297:Q524297 WVP458761:WVR458761 WLT458761:WLV458761 WBX458761:WBZ458761 VSB458761:VSD458761 VIF458761:VIH458761 UYJ458761:UYL458761 UON458761:UOP458761 UER458761:UET458761 TUV458761:TUX458761 TKZ458761:TLB458761 TBD458761:TBF458761 SRH458761:SRJ458761 SHL458761:SHN458761 RXP458761:RXR458761 RNT458761:RNV458761 RDX458761:RDZ458761 QUB458761:QUD458761 QKF458761:QKH458761 QAJ458761:QAL458761 PQN458761:PQP458761 PGR458761:PGT458761 OWV458761:OWX458761 OMZ458761:ONB458761 ODD458761:ODF458761 NTH458761:NTJ458761 NJL458761:NJN458761 MZP458761:MZR458761 MPT458761:MPV458761 MFX458761:MFZ458761 LWB458761:LWD458761 LMF458761:LMH458761 LCJ458761:LCL458761 KSN458761:KSP458761 KIR458761:KIT458761 JYV458761:JYX458761 JOZ458761:JPB458761 JFD458761:JFF458761 IVH458761:IVJ458761 ILL458761:ILN458761 IBP458761:IBR458761 HRT458761:HRV458761 HHX458761:HHZ458761 GYB458761:GYD458761 GOF458761:GOH458761 GEJ458761:GEL458761 FUN458761:FUP458761 FKR458761:FKT458761 FAV458761:FAX458761 EQZ458761:ERB458761 EHD458761:EHF458761 DXH458761:DXJ458761 DNL458761:DNN458761 DDP458761:DDR458761 CTT458761:CTV458761 CJX458761:CJZ458761 CAB458761:CAD458761 BQF458761:BQH458761 BGJ458761:BGL458761 AWN458761:AWP458761 AMR458761:AMT458761 ACV458761:ACX458761 SZ458761:TB458761 JD458761:JF458761 O458761:Q458761 WVP393225:WVR393225 WLT393225:WLV393225 WBX393225:WBZ393225 VSB393225:VSD393225 VIF393225:VIH393225 UYJ393225:UYL393225 UON393225:UOP393225 UER393225:UET393225 TUV393225:TUX393225 TKZ393225:TLB393225 TBD393225:TBF393225 SRH393225:SRJ393225 SHL393225:SHN393225 RXP393225:RXR393225 RNT393225:RNV393225 RDX393225:RDZ393225 QUB393225:QUD393225 QKF393225:QKH393225 QAJ393225:QAL393225 PQN393225:PQP393225 PGR393225:PGT393225 OWV393225:OWX393225 OMZ393225:ONB393225 ODD393225:ODF393225 NTH393225:NTJ393225 NJL393225:NJN393225 MZP393225:MZR393225 MPT393225:MPV393225 MFX393225:MFZ393225 LWB393225:LWD393225 LMF393225:LMH393225 LCJ393225:LCL393225 KSN393225:KSP393225 KIR393225:KIT393225 JYV393225:JYX393225 JOZ393225:JPB393225 JFD393225:JFF393225 IVH393225:IVJ393225 ILL393225:ILN393225 IBP393225:IBR393225 HRT393225:HRV393225 HHX393225:HHZ393225 GYB393225:GYD393225 GOF393225:GOH393225 GEJ393225:GEL393225 FUN393225:FUP393225 FKR393225:FKT393225 FAV393225:FAX393225 EQZ393225:ERB393225 EHD393225:EHF393225 DXH393225:DXJ393225 DNL393225:DNN393225 DDP393225:DDR393225 CTT393225:CTV393225 CJX393225:CJZ393225 CAB393225:CAD393225 BQF393225:BQH393225 BGJ393225:BGL393225 AWN393225:AWP393225 AMR393225:AMT393225 ACV393225:ACX393225 SZ393225:TB393225 JD393225:JF393225 O393225:Q393225 WVP327689:WVR327689 WLT327689:WLV327689 WBX327689:WBZ327689 VSB327689:VSD327689 VIF327689:VIH327689 UYJ327689:UYL327689 UON327689:UOP327689 UER327689:UET327689 TUV327689:TUX327689 TKZ327689:TLB327689 TBD327689:TBF327689 SRH327689:SRJ327689 SHL327689:SHN327689 RXP327689:RXR327689 RNT327689:RNV327689 RDX327689:RDZ327689 QUB327689:QUD327689 QKF327689:QKH327689 QAJ327689:QAL327689 PQN327689:PQP327689 PGR327689:PGT327689 OWV327689:OWX327689 OMZ327689:ONB327689 ODD327689:ODF327689 NTH327689:NTJ327689 NJL327689:NJN327689 MZP327689:MZR327689 MPT327689:MPV327689 MFX327689:MFZ327689 LWB327689:LWD327689 LMF327689:LMH327689 LCJ327689:LCL327689 KSN327689:KSP327689 KIR327689:KIT327689 JYV327689:JYX327689 JOZ327689:JPB327689 JFD327689:JFF327689 IVH327689:IVJ327689 ILL327689:ILN327689 IBP327689:IBR327689 HRT327689:HRV327689 HHX327689:HHZ327689 GYB327689:GYD327689 GOF327689:GOH327689 GEJ327689:GEL327689 FUN327689:FUP327689 FKR327689:FKT327689 FAV327689:FAX327689 EQZ327689:ERB327689 EHD327689:EHF327689 DXH327689:DXJ327689 DNL327689:DNN327689 DDP327689:DDR327689 CTT327689:CTV327689 CJX327689:CJZ327689 CAB327689:CAD327689 BQF327689:BQH327689 BGJ327689:BGL327689 AWN327689:AWP327689 AMR327689:AMT327689 ACV327689:ACX327689 SZ327689:TB327689 JD327689:JF327689 O327689:Q327689 WVP262153:WVR262153 WLT262153:WLV262153 WBX262153:WBZ262153 VSB262153:VSD262153 VIF262153:VIH262153 UYJ262153:UYL262153 UON262153:UOP262153 UER262153:UET262153 TUV262153:TUX262153 TKZ262153:TLB262153 TBD262153:TBF262153 SRH262153:SRJ262153 SHL262153:SHN262153 RXP262153:RXR262153 RNT262153:RNV262153 RDX262153:RDZ262153 QUB262153:QUD262153 QKF262153:QKH262153 QAJ262153:QAL262153 PQN262153:PQP262153 PGR262153:PGT262153 OWV262153:OWX262153 OMZ262153:ONB262153 ODD262153:ODF262153 NTH262153:NTJ262153 NJL262153:NJN262153 MZP262153:MZR262153 MPT262153:MPV262153 MFX262153:MFZ262153 LWB262153:LWD262153 LMF262153:LMH262153 LCJ262153:LCL262153 KSN262153:KSP262153 KIR262153:KIT262153 JYV262153:JYX262153 JOZ262153:JPB262153 JFD262153:JFF262153 IVH262153:IVJ262153 ILL262153:ILN262153 IBP262153:IBR262153 HRT262153:HRV262153 HHX262153:HHZ262153 GYB262153:GYD262153 GOF262153:GOH262153 GEJ262153:GEL262153 FUN262153:FUP262153 FKR262153:FKT262153 FAV262153:FAX262153 EQZ262153:ERB262153 EHD262153:EHF262153 DXH262153:DXJ262153 DNL262153:DNN262153 DDP262153:DDR262153 CTT262153:CTV262153 CJX262153:CJZ262153 CAB262153:CAD262153 BQF262153:BQH262153 BGJ262153:BGL262153 AWN262153:AWP262153 AMR262153:AMT262153 ACV262153:ACX262153 SZ262153:TB262153 JD262153:JF262153 O262153:Q262153 WVP196617:WVR196617 WLT196617:WLV196617 WBX196617:WBZ196617 VSB196617:VSD196617 VIF196617:VIH196617 UYJ196617:UYL196617 UON196617:UOP196617 UER196617:UET196617 TUV196617:TUX196617 TKZ196617:TLB196617 TBD196617:TBF196617 SRH196617:SRJ196617 SHL196617:SHN196617 RXP196617:RXR196617 RNT196617:RNV196617 RDX196617:RDZ196617 QUB196617:QUD196617 QKF196617:QKH196617 QAJ196617:QAL196617 PQN196617:PQP196617 PGR196617:PGT196617 OWV196617:OWX196617 OMZ196617:ONB196617 ODD196617:ODF196617 NTH196617:NTJ196617 NJL196617:NJN196617 MZP196617:MZR196617 MPT196617:MPV196617 MFX196617:MFZ196617 LWB196617:LWD196617 LMF196617:LMH196617 LCJ196617:LCL196617 KSN196617:KSP196617 KIR196617:KIT196617 JYV196617:JYX196617 JOZ196617:JPB196617 JFD196617:JFF196617 IVH196617:IVJ196617 ILL196617:ILN196617 IBP196617:IBR196617 HRT196617:HRV196617 HHX196617:HHZ196617 GYB196617:GYD196617 GOF196617:GOH196617 GEJ196617:GEL196617 FUN196617:FUP196617 FKR196617:FKT196617 FAV196617:FAX196617 EQZ196617:ERB196617 EHD196617:EHF196617 DXH196617:DXJ196617 DNL196617:DNN196617 DDP196617:DDR196617 CTT196617:CTV196617 CJX196617:CJZ196617 CAB196617:CAD196617 BQF196617:BQH196617 BGJ196617:BGL196617 AWN196617:AWP196617 AMR196617:AMT196617 ACV196617:ACX196617 SZ196617:TB196617 JD196617:JF196617 O196617:Q196617 WVP131081:WVR131081 WLT131081:WLV131081 WBX131081:WBZ131081 VSB131081:VSD131081 VIF131081:VIH131081 UYJ131081:UYL131081 UON131081:UOP131081 UER131081:UET131081 TUV131081:TUX131081 TKZ131081:TLB131081 TBD131081:TBF131081 SRH131081:SRJ131081 SHL131081:SHN131081 RXP131081:RXR131081 RNT131081:RNV131081 RDX131081:RDZ131081 QUB131081:QUD131081 QKF131081:QKH131081 QAJ131081:QAL131081 PQN131081:PQP131081 PGR131081:PGT131081 OWV131081:OWX131081 OMZ131081:ONB131081 ODD131081:ODF131081 NTH131081:NTJ131081 NJL131081:NJN131081 MZP131081:MZR131081 MPT131081:MPV131081 MFX131081:MFZ131081 LWB131081:LWD131081 LMF131081:LMH131081 LCJ131081:LCL131081 KSN131081:KSP131081 KIR131081:KIT131081 JYV131081:JYX131081 JOZ131081:JPB131081 JFD131081:JFF131081 IVH131081:IVJ131081 ILL131081:ILN131081 IBP131081:IBR131081 HRT131081:HRV131081 HHX131081:HHZ131081 GYB131081:GYD131081 GOF131081:GOH131081 GEJ131081:GEL131081 FUN131081:FUP131081 FKR131081:FKT131081 FAV131081:FAX131081 EQZ131081:ERB131081 EHD131081:EHF131081 DXH131081:DXJ131081 DNL131081:DNN131081 DDP131081:DDR131081 CTT131081:CTV131081 CJX131081:CJZ131081 CAB131081:CAD131081 BQF131081:BQH131081 BGJ131081:BGL131081 AWN131081:AWP131081 AMR131081:AMT131081 ACV131081:ACX131081 SZ131081:TB131081 JD131081:JF131081 O131081:Q131081 WVP65545:WVR65545 WLT65545:WLV65545 WBX65545:WBZ65545 VSB65545:VSD65545 VIF65545:VIH65545 UYJ65545:UYL65545 UON65545:UOP65545 UER65545:UET65545 TUV65545:TUX65545 TKZ65545:TLB65545 TBD65545:TBF65545 SRH65545:SRJ65545 SHL65545:SHN65545 RXP65545:RXR65545 RNT65545:RNV65545 RDX65545:RDZ65545 QUB65545:QUD65545 QKF65545:QKH65545 QAJ65545:QAL65545 PQN65545:PQP65545 PGR65545:PGT65545 OWV65545:OWX65545 OMZ65545:ONB65545 ODD65545:ODF65545 NTH65545:NTJ65545 NJL65545:NJN65545 MZP65545:MZR65545 MPT65545:MPV65545 MFX65545:MFZ65545 LWB65545:LWD65545 LMF65545:LMH65545 LCJ65545:LCL65545 KSN65545:KSP65545 KIR65545:KIT65545 JYV65545:JYX65545 JOZ65545:JPB65545 JFD65545:JFF65545 IVH65545:IVJ65545 ILL65545:ILN65545 IBP65545:IBR65545 HRT65545:HRV65545 HHX65545:HHZ65545 GYB65545:GYD65545 GOF65545:GOH65545 GEJ65545:GEL65545 FUN65545:FUP65545 FKR65545:FKT65545 FAV65545:FAX65545 EQZ65545:ERB65545 EHD65545:EHF65545 DXH65545:DXJ65545 DNL65545:DNN65545 DDP65545:DDR65545 CTT65545:CTV65545 CJX65545:CJZ65545 CAB65545:CAD65545 BQF65545:BQH65545 BGJ65545:BGL65545 AWN65545:AWP65545 AMR65545:AMT65545 ACV65545:ACX65545 SZ65545:TB65545 JD65545:JF65545 O65545:Q65545"/>
    <dataValidation type="custom" imeMode="halfAlpha" allowBlank="1" showInputMessage="1" showErrorMessage="1" sqref="WVJ983040 WLN983040 WBR983040 VRV983040 VHZ983040 UYD983040 UOH983040 UEL983040 TUP983040 TKT983040 TAX983040 SRB983040 SHF983040 RXJ983040 RNN983040 RDR983040 QTV983040 QJZ983040 QAD983040 PQH983040 PGL983040 OWP983040 OMT983040 OCX983040 NTB983040 NJF983040 MZJ983040 MPN983040 MFR983040 LVV983040 LLZ983040 LCD983040 KSH983040 KIL983040 JYP983040 JOT983040 JEX983040 IVB983040 ILF983040 IBJ983040 HRN983040 HHR983040 GXV983040 GNZ983040 GED983040 FUH983040 FKL983040 FAP983040 EQT983040 EGX983040 DXB983040 DNF983040 DDJ983040 CTN983040 CJR983040 BZV983040 BPZ983040 BGD983040 AWH983040 AML983040 ACP983040 ST983040 IX983040 I983040 WVJ917504 WLN917504 WBR917504 VRV917504 VHZ917504 UYD917504 UOH917504 UEL917504 TUP917504 TKT917504 TAX917504 SRB917504 SHF917504 RXJ917504 RNN917504 RDR917504 QTV917504 QJZ917504 QAD917504 PQH917504 PGL917504 OWP917504 OMT917504 OCX917504 NTB917504 NJF917504 MZJ917504 MPN917504 MFR917504 LVV917504 LLZ917504 LCD917504 KSH917504 KIL917504 JYP917504 JOT917504 JEX917504 IVB917504 ILF917504 IBJ917504 HRN917504 HHR917504 GXV917504 GNZ917504 GED917504 FUH917504 FKL917504 FAP917504 EQT917504 EGX917504 DXB917504 DNF917504 DDJ917504 CTN917504 CJR917504 BZV917504 BPZ917504 BGD917504 AWH917504 AML917504 ACP917504 ST917504 IX917504 I917504 WVJ851968 WLN851968 WBR851968 VRV851968 VHZ851968 UYD851968 UOH851968 UEL851968 TUP851968 TKT851968 TAX851968 SRB851968 SHF851968 RXJ851968 RNN851968 RDR851968 QTV851968 QJZ851968 QAD851968 PQH851968 PGL851968 OWP851968 OMT851968 OCX851968 NTB851968 NJF851968 MZJ851968 MPN851968 MFR851968 LVV851968 LLZ851968 LCD851968 KSH851968 KIL851968 JYP851968 JOT851968 JEX851968 IVB851968 ILF851968 IBJ851968 HRN851968 HHR851968 GXV851968 GNZ851968 GED851968 FUH851968 FKL851968 FAP851968 EQT851968 EGX851968 DXB851968 DNF851968 DDJ851968 CTN851968 CJR851968 BZV851968 BPZ851968 BGD851968 AWH851968 AML851968 ACP851968 ST851968 IX851968 I851968 WVJ786432 WLN786432 WBR786432 VRV786432 VHZ786432 UYD786432 UOH786432 UEL786432 TUP786432 TKT786432 TAX786432 SRB786432 SHF786432 RXJ786432 RNN786432 RDR786432 QTV786432 QJZ786432 QAD786432 PQH786432 PGL786432 OWP786432 OMT786432 OCX786432 NTB786432 NJF786432 MZJ786432 MPN786432 MFR786432 LVV786432 LLZ786432 LCD786432 KSH786432 KIL786432 JYP786432 JOT786432 JEX786432 IVB786432 ILF786432 IBJ786432 HRN786432 HHR786432 GXV786432 GNZ786432 GED786432 FUH786432 FKL786432 FAP786432 EQT786432 EGX786432 DXB786432 DNF786432 DDJ786432 CTN786432 CJR786432 BZV786432 BPZ786432 BGD786432 AWH786432 AML786432 ACP786432 ST786432 IX786432 I786432 WVJ720896 WLN720896 WBR720896 VRV720896 VHZ720896 UYD720896 UOH720896 UEL720896 TUP720896 TKT720896 TAX720896 SRB720896 SHF720896 RXJ720896 RNN720896 RDR720896 QTV720896 QJZ720896 QAD720896 PQH720896 PGL720896 OWP720896 OMT720896 OCX720896 NTB720896 NJF720896 MZJ720896 MPN720896 MFR720896 LVV720896 LLZ720896 LCD720896 KSH720896 KIL720896 JYP720896 JOT720896 JEX720896 IVB720896 ILF720896 IBJ720896 HRN720896 HHR720896 GXV720896 GNZ720896 GED720896 FUH720896 FKL720896 FAP720896 EQT720896 EGX720896 DXB720896 DNF720896 DDJ720896 CTN720896 CJR720896 BZV720896 BPZ720896 BGD720896 AWH720896 AML720896 ACP720896 ST720896 IX720896 I720896 WVJ655360 WLN655360 WBR655360 VRV655360 VHZ655360 UYD655360 UOH655360 UEL655360 TUP655360 TKT655360 TAX655360 SRB655360 SHF655360 RXJ655360 RNN655360 RDR655360 QTV655360 QJZ655360 QAD655360 PQH655360 PGL655360 OWP655360 OMT655360 OCX655360 NTB655360 NJF655360 MZJ655360 MPN655360 MFR655360 LVV655360 LLZ655360 LCD655360 KSH655360 KIL655360 JYP655360 JOT655360 JEX655360 IVB655360 ILF655360 IBJ655360 HRN655360 HHR655360 GXV655360 GNZ655360 GED655360 FUH655360 FKL655360 FAP655360 EQT655360 EGX655360 DXB655360 DNF655360 DDJ655360 CTN655360 CJR655360 BZV655360 BPZ655360 BGD655360 AWH655360 AML655360 ACP655360 ST655360 IX655360 I655360 WVJ589824 WLN589824 WBR589824 VRV589824 VHZ589824 UYD589824 UOH589824 UEL589824 TUP589824 TKT589824 TAX589824 SRB589824 SHF589824 RXJ589824 RNN589824 RDR589824 QTV589824 QJZ589824 QAD589824 PQH589824 PGL589824 OWP589824 OMT589824 OCX589824 NTB589824 NJF589824 MZJ589824 MPN589824 MFR589824 LVV589824 LLZ589824 LCD589824 KSH589824 KIL589824 JYP589824 JOT589824 JEX589824 IVB589824 ILF589824 IBJ589824 HRN589824 HHR589824 GXV589824 GNZ589824 GED589824 FUH589824 FKL589824 FAP589824 EQT589824 EGX589824 DXB589824 DNF589824 DDJ589824 CTN589824 CJR589824 BZV589824 BPZ589824 BGD589824 AWH589824 AML589824 ACP589824 ST589824 IX589824 I589824 WVJ524288 WLN524288 WBR524288 VRV524288 VHZ524288 UYD524288 UOH524288 UEL524288 TUP524288 TKT524288 TAX524288 SRB524288 SHF524288 RXJ524288 RNN524288 RDR524288 QTV524288 QJZ524288 QAD524288 PQH524288 PGL524288 OWP524288 OMT524288 OCX524288 NTB524288 NJF524288 MZJ524288 MPN524288 MFR524288 LVV524288 LLZ524288 LCD524288 KSH524288 KIL524288 JYP524288 JOT524288 JEX524288 IVB524288 ILF524288 IBJ524288 HRN524288 HHR524288 GXV524288 GNZ524288 GED524288 FUH524288 FKL524288 FAP524288 EQT524288 EGX524288 DXB524288 DNF524288 DDJ524288 CTN524288 CJR524288 BZV524288 BPZ524288 BGD524288 AWH524288 AML524288 ACP524288 ST524288 IX524288 I524288 WVJ458752 WLN458752 WBR458752 VRV458752 VHZ458752 UYD458752 UOH458752 UEL458752 TUP458752 TKT458752 TAX458752 SRB458752 SHF458752 RXJ458752 RNN458752 RDR458752 QTV458752 QJZ458752 QAD458752 PQH458752 PGL458752 OWP458752 OMT458752 OCX458752 NTB458752 NJF458752 MZJ458752 MPN458752 MFR458752 LVV458752 LLZ458752 LCD458752 KSH458752 KIL458752 JYP458752 JOT458752 JEX458752 IVB458752 ILF458752 IBJ458752 HRN458752 HHR458752 GXV458752 GNZ458752 GED458752 FUH458752 FKL458752 FAP458752 EQT458752 EGX458752 DXB458752 DNF458752 DDJ458752 CTN458752 CJR458752 BZV458752 BPZ458752 BGD458752 AWH458752 AML458752 ACP458752 ST458752 IX458752 I458752 WVJ393216 WLN393216 WBR393216 VRV393216 VHZ393216 UYD393216 UOH393216 UEL393216 TUP393216 TKT393216 TAX393216 SRB393216 SHF393216 RXJ393216 RNN393216 RDR393216 QTV393216 QJZ393216 QAD393216 PQH393216 PGL393216 OWP393216 OMT393216 OCX393216 NTB393216 NJF393216 MZJ393216 MPN393216 MFR393216 LVV393216 LLZ393216 LCD393216 KSH393216 KIL393216 JYP393216 JOT393216 JEX393216 IVB393216 ILF393216 IBJ393216 HRN393216 HHR393216 GXV393216 GNZ393216 GED393216 FUH393216 FKL393216 FAP393216 EQT393216 EGX393216 DXB393216 DNF393216 DDJ393216 CTN393216 CJR393216 BZV393216 BPZ393216 BGD393216 AWH393216 AML393216 ACP393216 ST393216 IX393216 I393216 WVJ327680 WLN327680 WBR327680 VRV327680 VHZ327680 UYD327680 UOH327680 UEL327680 TUP327680 TKT327680 TAX327680 SRB327680 SHF327680 RXJ327680 RNN327680 RDR327680 QTV327680 QJZ327680 QAD327680 PQH327680 PGL327680 OWP327680 OMT327680 OCX327680 NTB327680 NJF327680 MZJ327680 MPN327680 MFR327680 LVV327680 LLZ327680 LCD327680 KSH327680 KIL327680 JYP327680 JOT327680 JEX327680 IVB327680 ILF327680 IBJ327680 HRN327680 HHR327680 GXV327680 GNZ327680 GED327680 FUH327680 FKL327680 FAP327680 EQT327680 EGX327680 DXB327680 DNF327680 DDJ327680 CTN327680 CJR327680 BZV327680 BPZ327680 BGD327680 AWH327680 AML327680 ACP327680 ST327680 IX327680 I327680 WVJ262144 WLN262144 WBR262144 VRV262144 VHZ262144 UYD262144 UOH262144 UEL262144 TUP262144 TKT262144 TAX262144 SRB262144 SHF262144 RXJ262144 RNN262144 RDR262144 QTV262144 QJZ262144 QAD262144 PQH262144 PGL262144 OWP262144 OMT262144 OCX262144 NTB262144 NJF262144 MZJ262144 MPN262144 MFR262144 LVV262144 LLZ262144 LCD262144 KSH262144 KIL262144 JYP262144 JOT262144 JEX262144 IVB262144 ILF262144 IBJ262144 HRN262144 HHR262144 GXV262144 GNZ262144 GED262144 FUH262144 FKL262144 FAP262144 EQT262144 EGX262144 DXB262144 DNF262144 DDJ262144 CTN262144 CJR262144 BZV262144 BPZ262144 BGD262144 AWH262144 AML262144 ACP262144 ST262144 IX262144 I262144 WVJ196608 WLN196608 WBR196608 VRV196608 VHZ196608 UYD196608 UOH196608 UEL196608 TUP196608 TKT196608 TAX196608 SRB196608 SHF196608 RXJ196608 RNN196608 RDR196608 QTV196608 QJZ196608 QAD196608 PQH196608 PGL196608 OWP196608 OMT196608 OCX196608 NTB196608 NJF196608 MZJ196608 MPN196608 MFR196608 LVV196608 LLZ196608 LCD196608 KSH196608 KIL196608 JYP196608 JOT196608 JEX196608 IVB196608 ILF196608 IBJ196608 HRN196608 HHR196608 GXV196608 GNZ196608 GED196608 FUH196608 FKL196608 FAP196608 EQT196608 EGX196608 DXB196608 DNF196608 DDJ196608 CTN196608 CJR196608 BZV196608 BPZ196608 BGD196608 AWH196608 AML196608 ACP196608 ST196608 IX196608 I196608 WVJ131072 WLN131072 WBR131072 VRV131072 VHZ131072 UYD131072 UOH131072 UEL131072 TUP131072 TKT131072 TAX131072 SRB131072 SHF131072 RXJ131072 RNN131072 RDR131072 QTV131072 QJZ131072 QAD131072 PQH131072 PGL131072 OWP131072 OMT131072 OCX131072 NTB131072 NJF131072 MZJ131072 MPN131072 MFR131072 LVV131072 LLZ131072 LCD131072 KSH131072 KIL131072 JYP131072 JOT131072 JEX131072 IVB131072 ILF131072 IBJ131072 HRN131072 HHR131072 GXV131072 GNZ131072 GED131072 FUH131072 FKL131072 FAP131072 EQT131072 EGX131072 DXB131072 DNF131072 DDJ131072 CTN131072 CJR131072 BZV131072 BPZ131072 BGD131072 AWH131072 AML131072 ACP131072 ST131072 IX131072 I131072 WVJ65536 WLN65536 WBR65536 VRV65536 VHZ65536 UYD65536 UOH65536 UEL65536 TUP65536 TKT65536 TAX65536 SRB65536 SHF65536 RXJ65536 RNN65536 RDR65536 QTV65536 QJZ65536 QAD65536 PQH65536 PGL65536 OWP65536 OMT65536 OCX65536 NTB65536 NJF65536 MZJ65536 MPN65536 MFR65536 LVV65536 LLZ65536 LCD65536 KSH65536 KIL65536 JYP65536 JOT65536 JEX65536 IVB65536 ILF65536 IBJ65536 HRN65536 HHR65536 GXV65536 GNZ65536 GED65536 FUH65536 FKL65536 FAP65536 EQT65536 EGX65536 DXB65536 DNF65536 DDJ65536 CTN65536 CJR65536 BZV65536 BPZ65536 BGD65536 AWH65536 AML65536 ACP65536 ST65536 IX65536 I65536">
      <formula1>I65536&amp;""=ASC(I65536)</formula1>
    </dataValidation>
    <dataValidation type="custom" allowBlank="1" showInputMessage="1" showErrorMessage="1" errorTitle="入力内容に誤りがあります" error="全角で入力してください" sqref="WVJ983041:WVR983041 WLN983041:WLV983041 WBR983041:WBZ983041 VRV983041:VSD983041 VHZ983041:VIH983041 UYD983041:UYL983041 UOH983041:UOP983041 UEL983041:UET983041 TUP983041:TUX983041 TKT983041:TLB983041 TAX983041:TBF983041 SRB983041:SRJ983041 SHF983041:SHN983041 RXJ983041:RXR983041 RNN983041:RNV983041 RDR983041:RDZ983041 QTV983041:QUD983041 QJZ983041:QKH983041 QAD983041:QAL983041 PQH983041:PQP983041 PGL983041:PGT983041 OWP983041:OWX983041 OMT983041:ONB983041 OCX983041:ODF983041 NTB983041:NTJ983041 NJF983041:NJN983041 MZJ983041:MZR983041 MPN983041:MPV983041 MFR983041:MFZ983041 LVV983041:LWD983041 LLZ983041:LMH983041 LCD983041:LCL983041 KSH983041:KSP983041 KIL983041:KIT983041 JYP983041:JYX983041 JOT983041:JPB983041 JEX983041:JFF983041 IVB983041:IVJ983041 ILF983041:ILN983041 IBJ983041:IBR983041 HRN983041:HRV983041 HHR983041:HHZ983041 GXV983041:GYD983041 GNZ983041:GOH983041 GED983041:GEL983041 FUH983041:FUP983041 FKL983041:FKT983041 FAP983041:FAX983041 EQT983041:ERB983041 EGX983041:EHF983041 DXB983041:DXJ983041 DNF983041:DNN983041 DDJ983041:DDR983041 CTN983041:CTV983041 CJR983041:CJZ983041 BZV983041:CAD983041 BPZ983041:BQH983041 BGD983041:BGL983041 AWH983041:AWP983041 AML983041:AMT983041 ACP983041:ACX983041 ST983041:TB983041 IX983041:JF983041 I983041:Q983041 WVJ917505:WVR917505 WLN917505:WLV917505 WBR917505:WBZ917505 VRV917505:VSD917505 VHZ917505:VIH917505 UYD917505:UYL917505 UOH917505:UOP917505 UEL917505:UET917505 TUP917505:TUX917505 TKT917505:TLB917505 TAX917505:TBF917505 SRB917505:SRJ917505 SHF917505:SHN917505 RXJ917505:RXR917505 RNN917505:RNV917505 RDR917505:RDZ917505 QTV917505:QUD917505 QJZ917505:QKH917505 QAD917505:QAL917505 PQH917505:PQP917505 PGL917505:PGT917505 OWP917505:OWX917505 OMT917505:ONB917505 OCX917505:ODF917505 NTB917505:NTJ917505 NJF917505:NJN917505 MZJ917505:MZR917505 MPN917505:MPV917505 MFR917505:MFZ917505 LVV917505:LWD917505 LLZ917505:LMH917505 LCD917505:LCL917505 KSH917505:KSP917505 KIL917505:KIT917505 JYP917505:JYX917505 JOT917505:JPB917505 JEX917505:JFF917505 IVB917505:IVJ917505 ILF917505:ILN917505 IBJ917505:IBR917505 HRN917505:HRV917505 HHR917505:HHZ917505 GXV917505:GYD917505 GNZ917505:GOH917505 GED917505:GEL917505 FUH917505:FUP917505 FKL917505:FKT917505 FAP917505:FAX917505 EQT917505:ERB917505 EGX917505:EHF917505 DXB917505:DXJ917505 DNF917505:DNN917505 DDJ917505:DDR917505 CTN917505:CTV917505 CJR917505:CJZ917505 BZV917505:CAD917505 BPZ917505:BQH917505 BGD917505:BGL917505 AWH917505:AWP917505 AML917505:AMT917505 ACP917505:ACX917505 ST917505:TB917505 IX917505:JF917505 I917505:Q917505 WVJ851969:WVR851969 WLN851969:WLV851969 WBR851969:WBZ851969 VRV851969:VSD851969 VHZ851969:VIH851969 UYD851969:UYL851969 UOH851969:UOP851969 UEL851969:UET851969 TUP851969:TUX851969 TKT851969:TLB851969 TAX851969:TBF851969 SRB851969:SRJ851969 SHF851969:SHN851969 RXJ851969:RXR851969 RNN851969:RNV851969 RDR851969:RDZ851969 QTV851969:QUD851969 QJZ851969:QKH851969 QAD851969:QAL851969 PQH851969:PQP851969 PGL851969:PGT851969 OWP851969:OWX851969 OMT851969:ONB851969 OCX851969:ODF851969 NTB851969:NTJ851969 NJF851969:NJN851969 MZJ851969:MZR851969 MPN851969:MPV851969 MFR851969:MFZ851969 LVV851969:LWD851969 LLZ851969:LMH851969 LCD851969:LCL851969 KSH851969:KSP851969 KIL851969:KIT851969 JYP851969:JYX851969 JOT851969:JPB851969 JEX851969:JFF851969 IVB851969:IVJ851969 ILF851969:ILN851969 IBJ851969:IBR851969 HRN851969:HRV851969 HHR851969:HHZ851969 GXV851969:GYD851969 GNZ851969:GOH851969 GED851969:GEL851969 FUH851969:FUP851969 FKL851969:FKT851969 FAP851969:FAX851969 EQT851969:ERB851969 EGX851969:EHF851969 DXB851969:DXJ851969 DNF851969:DNN851969 DDJ851969:DDR851969 CTN851969:CTV851969 CJR851969:CJZ851969 BZV851969:CAD851969 BPZ851969:BQH851969 BGD851969:BGL851969 AWH851969:AWP851969 AML851969:AMT851969 ACP851969:ACX851969 ST851969:TB851969 IX851969:JF851969 I851969:Q851969 WVJ786433:WVR786433 WLN786433:WLV786433 WBR786433:WBZ786433 VRV786433:VSD786433 VHZ786433:VIH786433 UYD786433:UYL786433 UOH786433:UOP786433 UEL786433:UET786433 TUP786433:TUX786433 TKT786433:TLB786433 TAX786433:TBF786433 SRB786433:SRJ786433 SHF786433:SHN786433 RXJ786433:RXR786433 RNN786433:RNV786433 RDR786433:RDZ786433 QTV786433:QUD786433 QJZ786433:QKH786433 QAD786433:QAL786433 PQH786433:PQP786433 PGL786433:PGT786433 OWP786433:OWX786433 OMT786433:ONB786433 OCX786433:ODF786433 NTB786433:NTJ786433 NJF786433:NJN786433 MZJ786433:MZR786433 MPN786433:MPV786433 MFR786433:MFZ786433 LVV786433:LWD786433 LLZ786433:LMH786433 LCD786433:LCL786433 KSH786433:KSP786433 KIL786433:KIT786433 JYP786433:JYX786433 JOT786433:JPB786433 JEX786433:JFF786433 IVB786433:IVJ786433 ILF786433:ILN786433 IBJ786433:IBR786433 HRN786433:HRV786433 HHR786433:HHZ786433 GXV786433:GYD786433 GNZ786433:GOH786433 GED786433:GEL786433 FUH786433:FUP786433 FKL786433:FKT786433 FAP786433:FAX786433 EQT786433:ERB786433 EGX786433:EHF786433 DXB786433:DXJ786433 DNF786433:DNN786433 DDJ786433:DDR786433 CTN786433:CTV786433 CJR786433:CJZ786433 BZV786433:CAD786433 BPZ786433:BQH786433 BGD786433:BGL786433 AWH786433:AWP786433 AML786433:AMT786433 ACP786433:ACX786433 ST786433:TB786433 IX786433:JF786433 I786433:Q786433 WVJ720897:WVR720897 WLN720897:WLV720897 WBR720897:WBZ720897 VRV720897:VSD720897 VHZ720897:VIH720897 UYD720897:UYL720897 UOH720897:UOP720897 UEL720897:UET720897 TUP720897:TUX720897 TKT720897:TLB720897 TAX720897:TBF720897 SRB720897:SRJ720897 SHF720897:SHN720897 RXJ720897:RXR720897 RNN720897:RNV720897 RDR720897:RDZ720897 QTV720897:QUD720897 QJZ720897:QKH720897 QAD720897:QAL720897 PQH720897:PQP720897 PGL720897:PGT720897 OWP720897:OWX720897 OMT720897:ONB720897 OCX720897:ODF720897 NTB720897:NTJ720897 NJF720897:NJN720897 MZJ720897:MZR720897 MPN720897:MPV720897 MFR720897:MFZ720897 LVV720897:LWD720897 LLZ720897:LMH720897 LCD720897:LCL720897 KSH720897:KSP720897 KIL720897:KIT720897 JYP720897:JYX720897 JOT720897:JPB720897 JEX720897:JFF720897 IVB720897:IVJ720897 ILF720897:ILN720897 IBJ720897:IBR720897 HRN720897:HRV720897 HHR720897:HHZ720897 GXV720897:GYD720897 GNZ720897:GOH720897 GED720897:GEL720897 FUH720897:FUP720897 FKL720897:FKT720897 FAP720897:FAX720897 EQT720897:ERB720897 EGX720897:EHF720897 DXB720897:DXJ720897 DNF720897:DNN720897 DDJ720897:DDR720897 CTN720897:CTV720897 CJR720897:CJZ720897 BZV720897:CAD720897 BPZ720897:BQH720897 BGD720897:BGL720897 AWH720897:AWP720897 AML720897:AMT720897 ACP720897:ACX720897 ST720897:TB720897 IX720897:JF720897 I720897:Q720897 WVJ655361:WVR655361 WLN655361:WLV655361 WBR655361:WBZ655361 VRV655361:VSD655361 VHZ655361:VIH655361 UYD655361:UYL655361 UOH655361:UOP655361 UEL655361:UET655361 TUP655361:TUX655361 TKT655361:TLB655361 TAX655361:TBF655361 SRB655361:SRJ655361 SHF655361:SHN655361 RXJ655361:RXR655361 RNN655361:RNV655361 RDR655361:RDZ655361 QTV655361:QUD655361 QJZ655361:QKH655361 QAD655361:QAL655361 PQH655361:PQP655361 PGL655361:PGT655361 OWP655361:OWX655361 OMT655361:ONB655361 OCX655361:ODF655361 NTB655361:NTJ655361 NJF655361:NJN655361 MZJ655361:MZR655361 MPN655361:MPV655361 MFR655361:MFZ655361 LVV655361:LWD655361 LLZ655361:LMH655361 LCD655361:LCL655361 KSH655361:KSP655361 KIL655361:KIT655361 JYP655361:JYX655361 JOT655361:JPB655361 JEX655361:JFF655361 IVB655361:IVJ655361 ILF655361:ILN655361 IBJ655361:IBR655361 HRN655361:HRV655361 HHR655361:HHZ655361 GXV655361:GYD655361 GNZ655361:GOH655361 GED655361:GEL655361 FUH655361:FUP655361 FKL655361:FKT655361 FAP655361:FAX655361 EQT655361:ERB655361 EGX655361:EHF655361 DXB655361:DXJ655361 DNF655361:DNN655361 DDJ655361:DDR655361 CTN655361:CTV655361 CJR655361:CJZ655361 BZV655361:CAD655361 BPZ655361:BQH655361 BGD655361:BGL655361 AWH655361:AWP655361 AML655361:AMT655361 ACP655361:ACX655361 ST655361:TB655361 IX655361:JF655361 I655361:Q655361 WVJ589825:WVR589825 WLN589825:WLV589825 WBR589825:WBZ589825 VRV589825:VSD589825 VHZ589825:VIH589825 UYD589825:UYL589825 UOH589825:UOP589825 UEL589825:UET589825 TUP589825:TUX589825 TKT589825:TLB589825 TAX589825:TBF589825 SRB589825:SRJ589825 SHF589825:SHN589825 RXJ589825:RXR589825 RNN589825:RNV589825 RDR589825:RDZ589825 QTV589825:QUD589825 QJZ589825:QKH589825 QAD589825:QAL589825 PQH589825:PQP589825 PGL589825:PGT589825 OWP589825:OWX589825 OMT589825:ONB589825 OCX589825:ODF589825 NTB589825:NTJ589825 NJF589825:NJN589825 MZJ589825:MZR589825 MPN589825:MPV589825 MFR589825:MFZ589825 LVV589825:LWD589825 LLZ589825:LMH589825 LCD589825:LCL589825 KSH589825:KSP589825 KIL589825:KIT589825 JYP589825:JYX589825 JOT589825:JPB589825 JEX589825:JFF589825 IVB589825:IVJ589825 ILF589825:ILN589825 IBJ589825:IBR589825 HRN589825:HRV589825 HHR589825:HHZ589825 GXV589825:GYD589825 GNZ589825:GOH589825 GED589825:GEL589825 FUH589825:FUP589825 FKL589825:FKT589825 FAP589825:FAX589825 EQT589825:ERB589825 EGX589825:EHF589825 DXB589825:DXJ589825 DNF589825:DNN589825 DDJ589825:DDR589825 CTN589825:CTV589825 CJR589825:CJZ589825 BZV589825:CAD589825 BPZ589825:BQH589825 BGD589825:BGL589825 AWH589825:AWP589825 AML589825:AMT589825 ACP589825:ACX589825 ST589825:TB589825 IX589825:JF589825 I589825:Q589825 WVJ524289:WVR524289 WLN524289:WLV524289 WBR524289:WBZ524289 VRV524289:VSD524289 VHZ524289:VIH524289 UYD524289:UYL524289 UOH524289:UOP524289 UEL524289:UET524289 TUP524289:TUX524289 TKT524289:TLB524289 TAX524289:TBF524289 SRB524289:SRJ524289 SHF524289:SHN524289 RXJ524289:RXR524289 RNN524289:RNV524289 RDR524289:RDZ524289 QTV524289:QUD524289 QJZ524289:QKH524289 QAD524289:QAL524289 PQH524289:PQP524289 PGL524289:PGT524289 OWP524289:OWX524289 OMT524289:ONB524289 OCX524289:ODF524289 NTB524289:NTJ524289 NJF524289:NJN524289 MZJ524289:MZR524289 MPN524289:MPV524289 MFR524289:MFZ524289 LVV524289:LWD524289 LLZ524289:LMH524289 LCD524289:LCL524289 KSH524289:KSP524289 KIL524289:KIT524289 JYP524289:JYX524289 JOT524289:JPB524289 JEX524289:JFF524289 IVB524289:IVJ524289 ILF524289:ILN524289 IBJ524289:IBR524289 HRN524289:HRV524289 HHR524289:HHZ524289 GXV524289:GYD524289 GNZ524289:GOH524289 GED524289:GEL524289 FUH524289:FUP524289 FKL524289:FKT524289 FAP524289:FAX524289 EQT524289:ERB524289 EGX524289:EHF524289 DXB524289:DXJ524289 DNF524289:DNN524289 DDJ524289:DDR524289 CTN524289:CTV524289 CJR524289:CJZ524289 BZV524289:CAD524289 BPZ524289:BQH524289 BGD524289:BGL524289 AWH524289:AWP524289 AML524289:AMT524289 ACP524289:ACX524289 ST524289:TB524289 IX524289:JF524289 I524289:Q524289 WVJ458753:WVR458753 WLN458753:WLV458753 WBR458753:WBZ458753 VRV458753:VSD458753 VHZ458753:VIH458753 UYD458753:UYL458753 UOH458753:UOP458753 UEL458753:UET458753 TUP458753:TUX458753 TKT458753:TLB458753 TAX458753:TBF458753 SRB458753:SRJ458753 SHF458753:SHN458753 RXJ458753:RXR458753 RNN458753:RNV458753 RDR458753:RDZ458753 QTV458753:QUD458753 QJZ458753:QKH458753 QAD458753:QAL458753 PQH458753:PQP458753 PGL458753:PGT458753 OWP458753:OWX458753 OMT458753:ONB458753 OCX458753:ODF458753 NTB458753:NTJ458753 NJF458753:NJN458753 MZJ458753:MZR458753 MPN458753:MPV458753 MFR458753:MFZ458753 LVV458753:LWD458753 LLZ458753:LMH458753 LCD458753:LCL458753 KSH458753:KSP458753 KIL458753:KIT458753 JYP458753:JYX458753 JOT458753:JPB458753 JEX458753:JFF458753 IVB458753:IVJ458753 ILF458753:ILN458753 IBJ458753:IBR458753 HRN458753:HRV458753 HHR458753:HHZ458753 GXV458753:GYD458753 GNZ458753:GOH458753 GED458753:GEL458753 FUH458753:FUP458753 FKL458753:FKT458753 FAP458753:FAX458753 EQT458753:ERB458753 EGX458753:EHF458753 DXB458753:DXJ458753 DNF458753:DNN458753 DDJ458753:DDR458753 CTN458753:CTV458753 CJR458753:CJZ458753 BZV458753:CAD458753 BPZ458753:BQH458753 BGD458753:BGL458753 AWH458753:AWP458753 AML458753:AMT458753 ACP458753:ACX458753 ST458753:TB458753 IX458753:JF458753 I458753:Q458753 WVJ393217:WVR393217 WLN393217:WLV393217 WBR393217:WBZ393217 VRV393217:VSD393217 VHZ393217:VIH393217 UYD393217:UYL393217 UOH393217:UOP393217 UEL393217:UET393217 TUP393217:TUX393217 TKT393217:TLB393217 TAX393217:TBF393217 SRB393217:SRJ393217 SHF393217:SHN393217 RXJ393217:RXR393217 RNN393217:RNV393217 RDR393217:RDZ393217 QTV393217:QUD393217 QJZ393217:QKH393217 QAD393217:QAL393217 PQH393217:PQP393217 PGL393217:PGT393217 OWP393217:OWX393217 OMT393217:ONB393217 OCX393217:ODF393217 NTB393217:NTJ393217 NJF393217:NJN393217 MZJ393217:MZR393217 MPN393217:MPV393217 MFR393217:MFZ393217 LVV393217:LWD393217 LLZ393217:LMH393217 LCD393217:LCL393217 KSH393217:KSP393217 KIL393217:KIT393217 JYP393217:JYX393217 JOT393217:JPB393217 JEX393217:JFF393217 IVB393217:IVJ393217 ILF393217:ILN393217 IBJ393217:IBR393217 HRN393217:HRV393217 HHR393217:HHZ393217 GXV393217:GYD393217 GNZ393217:GOH393217 GED393217:GEL393217 FUH393217:FUP393217 FKL393217:FKT393217 FAP393217:FAX393217 EQT393217:ERB393217 EGX393217:EHF393217 DXB393217:DXJ393217 DNF393217:DNN393217 DDJ393217:DDR393217 CTN393217:CTV393217 CJR393217:CJZ393217 BZV393217:CAD393217 BPZ393217:BQH393217 BGD393217:BGL393217 AWH393217:AWP393217 AML393217:AMT393217 ACP393217:ACX393217 ST393217:TB393217 IX393217:JF393217 I393217:Q393217 WVJ327681:WVR327681 WLN327681:WLV327681 WBR327681:WBZ327681 VRV327681:VSD327681 VHZ327681:VIH327681 UYD327681:UYL327681 UOH327681:UOP327681 UEL327681:UET327681 TUP327681:TUX327681 TKT327681:TLB327681 TAX327681:TBF327681 SRB327681:SRJ327681 SHF327681:SHN327681 RXJ327681:RXR327681 RNN327681:RNV327681 RDR327681:RDZ327681 QTV327681:QUD327681 QJZ327681:QKH327681 QAD327681:QAL327681 PQH327681:PQP327681 PGL327681:PGT327681 OWP327681:OWX327681 OMT327681:ONB327681 OCX327681:ODF327681 NTB327681:NTJ327681 NJF327681:NJN327681 MZJ327681:MZR327681 MPN327681:MPV327681 MFR327681:MFZ327681 LVV327681:LWD327681 LLZ327681:LMH327681 LCD327681:LCL327681 KSH327681:KSP327681 KIL327681:KIT327681 JYP327681:JYX327681 JOT327681:JPB327681 JEX327681:JFF327681 IVB327681:IVJ327681 ILF327681:ILN327681 IBJ327681:IBR327681 HRN327681:HRV327681 HHR327681:HHZ327681 GXV327681:GYD327681 GNZ327681:GOH327681 GED327681:GEL327681 FUH327681:FUP327681 FKL327681:FKT327681 FAP327681:FAX327681 EQT327681:ERB327681 EGX327681:EHF327681 DXB327681:DXJ327681 DNF327681:DNN327681 DDJ327681:DDR327681 CTN327681:CTV327681 CJR327681:CJZ327681 BZV327681:CAD327681 BPZ327681:BQH327681 BGD327681:BGL327681 AWH327681:AWP327681 AML327681:AMT327681 ACP327681:ACX327681 ST327681:TB327681 IX327681:JF327681 I327681:Q327681 WVJ262145:WVR262145 WLN262145:WLV262145 WBR262145:WBZ262145 VRV262145:VSD262145 VHZ262145:VIH262145 UYD262145:UYL262145 UOH262145:UOP262145 UEL262145:UET262145 TUP262145:TUX262145 TKT262145:TLB262145 TAX262145:TBF262145 SRB262145:SRJ262145 SHF262145:SHN262145 RXJ262145:RXR262145 RNN262145:RNV262145 RDR262145:RDZ262145 QTV262145:QUD262145 QJZ262145:QKH262145 QAD262145:QAL262145 PQH262145:PQP262145 PGL262145:PGT262145 OWP262145:OWX262145 OMT262145:ONB262145 OCX262145:ODF262145 NTB262145:NTJ262145 NJF262145:NJN262145 MZJ262145:MZR262145 MPN262145:MPV262145 MFR262145:MFZ262145 LVV262145:LWD262145 LLZ262145:LMH262145 LCD262145:LCL262145 KSH262145:KSP262145 KIL262145:KIT262145 JYP262145:JYX262145 JOT262145:JPB262145 JEX262145:JFF262145 IVB262145:IVJ262145 ILF262145:ILN262145 IBJ262145:IBR262145 HRN262145:HRV262145 HHR262145:HHZ262145 GXV262145:GYD262145 GNZ262145:GOH262145 GED262145:GEL262145 FUH262145:FUP262145 FKL262145:FKT262145 FAP262145:FAX262145 EQT262145:ERB262145 EGX262145:EHF262145 DXB262145:DXJ262145 DNF262145:DNN262145 DDJ262145:DDR262145 CTN262145:CTV262145 CJR262145:CJZ262145 BZV262145:CAD262145 BPZ262145:BQH262145 BGD262145:BGL262145 AWH262145:AWP262145 AML262145:AMT262145 ACP262145:ACX262145 ST262145:TB262145 IX262145:JF262145 I262145:Q262145 WVJ196609:WVR196609 WLN196609:WLV196609 WBR196609:WBZ196609 VRV196609:VSD196609 VHZ196609:VIH196609 UYD196609:UYL196609 UOH196609:UOP196609 UEL196609:UET196609 TUP196609:TUX196609 TKT196609:TLB196609 TAX196609:TBF196609 SRB196609:SRJ196609 SHF196609:SHN196609 RXJ196609:RXR196609 RNN196609:RNV196609 RDR196609:RDZ196609 QTV196609:QUD196609 QJZ196609:QKH196609 QAD196609:QAL196609 PQH196609:PQP196609 PGL196609:PGT196609 OWP196609:OWX196609 OMT196609:ONB196609 OCX196609:ODF196609 NTB196609:NTJ196609 NJF196609:NJN196609 MZJ196609:MZR196609 MPN196609:MPV196609 MFR196609:MFZ196609 LVV196609:LWD196609 LLZ196609:LMH196609 LCD196609:LCL196609 KSH196609:KSP196609 KIL196609:KIT196609 JYP196609:JYX196609 JOT196609:JPB196609 JEX196609:JFF196609 IVB196609:IVJ196609 ILF196609:ILN196609 IBJ196609:IBR196609 HRN196609:HRV196609 HHR196609:HHZ196609 GXV196609:GYD196609 GNZ196609:GOH196609 GED196609:GEL196609 FUH196609:FUP196609 FKL196609:FKT196609 FAP196609:FAX196609 EQT196609:ERB196609 EGX196609:EHF196609 DXB196609:DXJ196609 DNF196609:DNN196609 DDJ196609:DDR196609 CTN196609:CTV196609 CJR196609:CJZ196609 BZV196609:CAD196609 BPZ196609:BQH196609 BGD196609:BGL196609 AWH196609:AWP196609 AML196609:AMT196609 ACP196609:ACX196609 ST196609:TB196609 IX196609:JF196609 I196609:Q196609 WVJ131073:WVR131073 WLN131073:WLV131073 WBR131073:WBZ131073 VRV131073:VSD131073 VHZ131073:VIH131073 UYD131073:UYL131073 UOH131073:UOP131073 UEL131073:UET131073 TUP131073:TUX131073 TKT131073:TLB131073 TAX131073:TBF131073 SRB131073:SRJ131073 SHF131073:SHN131073 RXJ131073:RXR131073 RNN131073:RNV131073 RDR131073:RDZ131073 QTV131073:QUD131073 QJZ131073:QKH131073 QAD131073:QAL131073 PQH131073:PQP131073 PGL131073:PGT131073 OWP131073:OWX131073 OMT131073:ONB131073 OCX131073:ODF131073 NTB131073:NTJ131073 NJF131073:NJN131073 MZJ131073:MZR131073 MPN131073:MPV131073 MFR131073:MFZ131073 LVV131073:LWD131073 LLZ131073:LMH131073 LCD131073:LCL131073 KSH131073:KSP131073 KIL131073:KIT131073 JYP131073:JYX131073 JOT131073:JPB131073 JEX131073:JFF131073 IVB131073:IVJ131073 ILF131073:ILN131073 IBJ131073:IBR131073 HRN131073:HRV131073 HHR131073:HHZ131073 GXV131073:GYD131073 GNZ131073:GOH131073 GED131073:GEL131073 FUH131073:FUP131073 FKL131073:FKT131073 FAP131073:FAX131073 EQT131073:ERB131073 EGX131073:EHF131073 DXB131073:DXJ131073 DNF131073:DNN131073 DDJ131073:DDR131073 CTN131073:CTV131073 CJR131073:CJZ131073 BZV131073:CAD131073 BPZ131073:BQH131073 BGD131073:BGL131073 AWH131073:AWP131073 AML131073:AMT131073 ACP131073:ACX131073 ST131073:TB131073 IX131073:JF131073 I131073:Q131073 WVJ65537:WVR65537 WLN65537:WLV65537 WBR65537:WBZ65537 VRV65537:VSD65537 VHZ65537:VIH65537 UYD65537:UYL65537 UOH65537:UOP65537 UEL65537:UET65537 TUP65537:TUX65537 TKT65537:TLB65537 TAX65537:TBF65537 SRB65537:SRJ65537 SHF65537:SHN65537 RXJ65537:RXR65537 RNN65537:RNV65537 RDR65537:RDZ65537 QTV65537:QUD65537 QJZ65537:QKH65537 QAD65537:QAL65537 PQH65537:PQP65537 PGL65537:PGT65537 OWP65537:OWX65537 OMT65537:ONB65537 OCX65537:ODF65537 NTB65537:NTJ65537 NJF65537:NJN65537 MZJ65537:MZR65537 MPN65537:MPV65537 MFR65537:MFZ65537 LVV65537:LWD65537 LLZ65537:LMH65537 LCD65537:LCL65537 KSH65537:KSP65537 KIL65537:KIT65537 JYP65537:JYX65537 JOT65537:JPB65537 JEX65537:JFF65537 IVB65537:IVJ65537 ILF65537:ILN65537 IBJ65537:IBR65537 HRN65537:HRV65537 HHR65537:HHZ65537 GXV65537:GYD65537 GNZ65537:GOH65537 GED65537:GEL65537 FUH65537:FUP65537 FKL65537:FKT65537 FAP65537:FAX65537 EQT65537:ERB65537 EGX65537:EHF65537 DXB65537:DXJ65537 DNF65537:DNN65537 DDJ65537:DDR65537 CTN65537:CTV65537 CJR65537:CJZ65537 BZV65537:CAD65537 BPZ65537:BQH65537 BGD65537:BGL65537 AWH65537:AWP65537 AML65537:AMT65537 ACP65537:ACX65537 ST65537:TB65537 IX65537:JF65537 I65537:Q65537 WVD983040 WLH983040 WBL983040 VRP983040 VHT983040 UXX983040 UOB983040 UEF983040 TUJ983040 TKN983040 TAR983040 SQV983040 SGZ983040 RXD983040 RNH983040 RDL983040 QTP983040 QJT983040 PZX983040 PQB983040 PGF983040 OWJ983040 OMN983040 OCR983040 NSV983040 NIZ983040 MZD983040 MPH983040 MFL983040 LVP983040 LLT983040 LBX983040 KSB983040 KIF983040 JYJ983040 JON983040 JER983040 IUV983040 IKZ983040 IBD983040 HRH983040 HHL983040 GXP983040 GNT983040 GDX983040 FUB983040 FKF983040 FAJ983040 EQN983040 EGR983040 DWV983040 DMZ983040 DDD983040 CTH983040 CJL983040 BZP983040 BPT983040 BFX983040 AWB983040 AMF983040 ACJ983040 SN983040 IR983040 WVD917504 WLH917504 WBL917504 VRP917504 VHT917504 UXX917504 UOB917504 UEF917504 TUJ917504 TKN917504 TAR917504 SQV917504 SGZ917504 RXD917504 RNH917504 RDL917504 QTP917504 QJT917504 PZX917504 PQB917504 PGF917504 OWJ917504 OMN917504 OCR917504 NSV917504 NIZ917504 MZD917504 MPH917504 MFL917504 LVP917504 LLT917504 LBX917504 KSB917504 KIF917504 JYJ917504 JON917504 JER917504 IUV917504 IKZ917504 IBD917504 HRH917504 HHL917504 GXP917504 GNT917504 GDX917504 FUB917504 FKF917504 FAJ917504 EQN917504 EGR917504 DWV917504 DMZ917504 DDD917504 CTH917504 CJL917504 BZP917504 BPT917504 BFX917504 AWB917504 AMF917504 ACJ917504 SN917504 IR917504 WVD851968 WLH851968 WBL851968 VRP851968 VHT851968 UXX851968 UOB851968 UEF851968 TUJ851968 TKN851968 TAR851968 SQV851968 SGZ851968 RXD851968 RNH851968 RDL851968 QTP851968 QJT851968 PZX851968 PQB851968 PGF851968 OWJ851968 OMN851968 OCR851968 NSV851968 NIZ851968 MZD851968 MPH851968 MFL851968 LVP851968 LLT851968 LBX851968 KSB851968 KIF851968 JYJ851968 JON851968 JER851968 IUV851968 IKZ851968 IBD851968 HRH851968 HHL851968 GXP851968 GNT851968 GDX851968 FUB851968 FKF851968 FAJ851968 EQN851968 EGR851968 DWV851968 DMZ851968 DDD851968 CTH851968 CJL851968 BZP851968 BPT851968 BFX851968 AWB851968 AMF851968 ACJ851968 SN851968 IR851968 WVD786432 WLH786432 WBL786432 VRP786432 VHT786432 UXX786432 UOB786432 UEF786432 TUJ786432 TKN786432 TAR786432 SQV786432 SGZ786432 RXD786432 RNH786432 RDL786432 QTP786432 QJT786432 PZX786432 PQB786432 PGF786432 OWJ786432 OMN786432 OCR786432 NSV786432 NIZ786432 MZD786432 MPH786432 MFL786432 LVP786432 LLT786432 LBX786432 KSB786432 KIF786432 JYJ786432 JON786432 JER786432 IUV786432 IKZ786432 IBD786432 HRH786432 HHL786432 GXP786432 GNT786432 GDX786432 FUB786432 FKF786432 FAJ786432 EQN786432 EGR786432 DWV786432 DMZ786432 DDD786432 CTH786432 CJL786432 BZP786432 BPT786432 BFX786432 AWB786432 AMF786432 ACJ786432 SN786432 IR786432 WVD720896 WLH720896 WBL720896 VRP720896 VHT720896 UXX720896 UOB720896 UEF720896 TUJ720896 TKN720896 TAR720896 SQV720896 SGZ720896 RXD720896 RNH720896 RDL720896 QTP720896 QJT720896 PZX720896 PQB720896 PGF720896 OWJ720896 OMN720896 OCR720896 NSV720896 NIZ720896 MZD720896 MPH720896 MFL720896 LVP720896 LLT720896 LBX720896 KSB720896 KIF720896 JYJ720896 JON720896 JER720896 IUV720896 IKZ720896 IBD720896 HRH720896 HHL720896 GXP720896 GNT720896 GDX720896 FUB720896 FKF720896 FAJ720896 EQN720896 EGR720896 DWV720896 DMZ720896 DDD720896 CTH720896 CJL720896 BZP720896 BPT720896 BFX720896 AWB720896 AMF720896 ACJ720896 SN720896 IR720896 WVD655360 WLH655360 WBL655360 VRP655360 VHT655360 UXX655360 UOB655360 UEF655360 TUJ655360 TKN655360 TAR655360 SQV655360 SGZ655360 RXD655360 RNH655360 RDL655360 QTP655360 QJT655360 PZX655360 PQB655360 PGF655360 OWJ655360 OMN655360 OCR655360 NSV655360 NIZ655360 MZD655360 MPH655360 MFL655360 LVP655360 LLT655360 LBX655360 KSB655360 KIF655360 JYJ655360 JON655360 JER655360 IUV655360 IKZ655360 IBD655360 HRH655360 HHL655360 GXP655360 GNT655360 GDX655360 FUB655360 FKF655360 FAJ655360 EQN655360 EGR655360 DWV655360 DMZ655360 DDD655360 CTH655360 CJL655360 BZP655360 BPT655360 BFX655360 AWB655360 AMF655360 ACJ655360 SN655360 IR655360 WVD589824 WLH589824 WBL589824 VRP589824 VHT589824 UXX589824 UOB589824 UEF589824 TUJ589824 TKN589824 TAR589824 SQV589824 SGZ589824 RXD589824 RNH589824 RDL589824 QTP589824 QJT589824 PZX589824 PQB589824 PGF589824 OWJ589824 OMN589824 OCR589824 NSV589824 NIZ589824 MZD589824 MPH589824 MFL589824 LVP589824 LLT589824 LBX589824 KSB589824 KIF589824 JYJ589824 JON589824 JER589824 IUV589824 IKZ589824 IBD589824 HRH589824 HHL589824 GXP589824 GNT589824 GDX589824 FUB589824 FKF589824 FAJ589824 EQN589824 EGR589824 DWV589824 DMZ589824 DDD589824 CTH589824 CJL589824 BZP589824 BPT589824 BFX589824 AWB589824 AMF589824 ACJ589824 SN589824 IR589824 WVD524288 WLH524288 WBL524288 VRP524288 VHT524288 UXX524288 UOB524288 UEF524288 TUJ524288 TKN524288 TAR524288 SQV524288 SGZ524288 RXD524288 RNH524288 RDL524288 QTP524288 QJT524288 PZX524288 PQB524288 PGF524288 OWJ524288 OMN524288 OCR524288 NSV524288 NIZ524288 MZD524288 MPH524288 MFL524288 LVP524288 LLT524288 LBX524288 KSB524288 KIF524288 JYJ524288 JON524288 JER524288 IUV524288 IKZ524288 IBD524288 HRH524288 HHL524288 GXP524288 GNT524288 GDX524288 FUB524288 FKF524288 FAJ524288 EQN524288 EGR524288 DWV524288 DMZ524288 DDD524288 CTH524288 CJL524288 BZP524288 BPT524288 BFX524288 AWB524288 AMF524288 ACJ524288 SN524288 IR524288 WVD458752 WLH458752 WBL458752 VRP458752 VHT458752 UXX458752 UOB458752 UEF458752 TUJ458752 TKN458752 TAR458752 SQV458752 SGZ458752 RXD458752 RNH458752 RDL458752 QTP458752 QJT458752 PZX458752 PQB458752 PGF458752 OWJ458752 OMN458752 OCR458752 NSV458752 NIZ458752 MZD458752 MPH458752 MFL458752 LVP458752 LLT458752 LBX458752 KSB458752 KIF458752 JYJ458752 JON458752 JER458752 IUV458752 IKZ458752 IBD458752 HRH458752 HHL458752 GXP458752 GNT458752 GDX458752 FUB458752 FKF458752 FAJ458752 EQN458752 EGR458752 DWV458752 DMZ458752 DDD458752 CTH458752 CJL458752 BZP458752 BPT458752 BFX458752 AWB458752 AMF458752 ACJ458752 SN458752 IR458752 WVD393216 WLH393216 WBL393216 VRP393216 VHT393216 UXX393216 UOB393216 UEF393216 TUJ393216 TKN393216 TAR393216 SQV393216 SGZ393216 RXD393216 RNH393216 RDL393216 QTP393216 QJT393216 PZX393216 PQB393216 PGF393216 OWJ393216 OMN393216 OCR393216 NSV393216 NIZ393216 MZD393216 MPH393216 MFL393216 LVP393216 LLT393216 LBX393216 KSB393216 KIF393216 JYJ393216 JON393216 JER393216 IUV393216 IKZ393216 IBD393216 HRH393216 HHL393216 GXP393216 GNT393216 GDX393216 FUB393216 FKF393216 FAJ393216 EQN393216 EGR393216 DWV393216 DMZ393216 DDD393216 CTH393216 CJL393216 BZP393216 BPT393216 BFX393216 AWB393216 AMF393216 ACJ393216 SN393216 IR393216 WVD327680 WLH327680 WBL327680 VRP327680 VHT327680 UXX327680 UOB327680 UEF327680 TUJ327680 TKN327680 TAR327680 SQV327680 SGZ327680 RXD327680 RNH327680 RDL327680 QTP327680 QJT327680 PZX327680 PQB327680 PGF327680 OWJ327680 OMN327680 OCR327680 NSV327680 NIZ327680 MZD327680 MPH327680 MFL327680 LVP327680 LLT327680 LBX327680 KSB327680 KIF327680 JYJ327680 JON327680 JER327680 IUV327680 IKZ327680 IBD327680 HRH327680 HHL327680 GXP327680 GNT327680 GDX327680 FUB327680 FKF327680 FAJ327680 EQN327680 EGR327680 DWV327680 DMZ327680 DDD327680 CTH327680 CJL327680 BZP327680 BPT327680 BFX327680 AWB327680 AMF327680 ACJ327680 SN327680 IR327680 WVD262144 WLH262144 WBL262144 VRP262144 VHT262144 UXX262144 UOB262144 UEF262144 TUJ262144 TKN262144 TAR262144 SQV262144 SGZ262144 RXD262144 RNH262144 RDL262144 QTP262144 QJT262144 PZX262144 PQB262144 PGF262144 OWJ262144 OMN262144 OCR262144 NSV262144 NIZ262144 MZD262144 MPH262144 MFL262144 LVP262144 LLT262144 LBX262144 KSB262144 KIF262144 JYJ262144 JON262144 JER262144 IUV262144 IKZ262144 IBD262144 HRH262144 HHL262144 GXP262144 GNT262144 GDX262144 FUB262144 FKF262144 FAJ262144 EQN262144 EGR262144 DWV262144 DMZ262144 DDD262144 CTH262144 CJL262144 BZP262144 BPT262144 BFX262144 AWB262144 AMF262144 ACJ262144 SN262144 IR262144 WVD196608 WLH196608 WBL196608 VRP196608 VHT196608 UXX196608 UOB196608 UEF196608 TUJ196608 TKN196608 TAR196608 SQV196608 SGZ196608 RXD196608 RNH196608 RDL196608 QTP196608 QJT196608 PZX196608 PQB196608 PGF196608 OWJ196608 OMN196608 OCR196608 NSV196608 NIZ196608 MZD196608 MPH196608 MFL196608 LVP196608 LLT196608 LBX196608 KSB196608 KIF196608 JYJ196608 JON196608 JER196608 IUV196608 IKZ196608 IBD196608 HRH196608 HHL196608 GXP196608 GNT196608 GDX196608 FUB196608 FKF196608 FAJ196608 EQN196608 EGR196608 DWV196608 DMZ196608 DDD196608 CTH196608 CJL196608 BZP196608 BPT196608 BFX196608 AWB196608 AMF196608 ACJ196608 SN196608 IR196608 WVD131072 WLH131072 WBL131072 VRP131072 VHT131072 UXX131072 UOB131072 UEF131072 TUJ131072 TKN131072 TAR131072 SQV131072 SGZ131072 RXD131072 RNH131072 RDL131072 QTP131072 QJT131072 PZX131072 PQB131072 PGF131072 OWJ131072 OMN131072 OCR131072 NSV131072 NIZ131072 MZD131072 MPH131072 MFL131072 LVP131072 LLT131072 LBX131072 KSB131072 KIF131072 JYJ131072 JON131072 JER131072 IUV131072 IKZ131072 IBD131072 HRH131072 HHL131072 GXP131072 GNT131072 GDX131072 FUB131072 FKF131072 FAJ131072 EQN131072 EGR131072 DWV131072 DMZ131072 DDD131072 CTH131072 CJL131072 BZP131072 BPT131072 BFX131072 AWB131072 AMF131072 ACJ131072 SN131072 IR131072 WVD65536 WLH65536 WBL65536 VRP65536 VHT65536 UXX65536 UOB65536 UEF65536 TUJ65536 TKN65536 TAR65536 SQV65536 SGZ65536 RXD65536 RNH65536 RDL65536 QTP65536 QJT65536 PZX65536 PQB65536 PGF65536 OWJ65536 OMN65536 OCR65536 NSV65536 NIZ65536 MZD65536 MPH65536 MFL65536 LVP65536 LLT65536 LBX65536 KSB65536 KIF65536 JYJ65536 JON65536 JER65536 IUV65536 IKZ65536 IBD65536 HRH65536 HHL65536 GXP65536 GNT65536 GDX65536 FUB65536 FKF65536 FAJ65536 EQN65536 EGR65536 DWV65536 DMZ65536 DDD65536 CTH65536 CJL65536 BZP65536 BPT65536 BFX65536 AWB65536 AMF65536 ACJ65536 SN65536 IR65536 D65536 D131072 D196608 D262144 D327680 D393216 D458752 D524288 D589824 D655360 D720896 D786432 D851968 D917504 D983040">
      <formula1>D65536=DBCS(D65536)</formula1>
    </dataValidation>
    <dataValidation type="custom" allowBlank="1" showInputMessage="1" showErrorMessage="1" errorTitle="全角英数字" error="全角英数字で入力してください" sqref="WVE983022:WVP983024 WLI983022:WLT983024 WBM983022:WBX983024 VRQ983022:VSB983024 VHU983022:VIF983024 UXY983022:UYJ983024 UOC983022:UON983024 UEG983022:UER983024 TUK983022:TUV983024 TKO983022:TKZ983024 TAS983022:TBD983024 SQW983022:SRH983024 SHA983022:SHL983024 RXE983022:RXP983024 RNI983022:RNT983024 RDM983022:RDX983024 QTQ983022:QUB983024 QJU983022:QKF983024 PZY983022:QAJ983024 PQC983022:PQN983024 PGG983022:PGR983024 OWK983022:OWV983024 OMO983022:OMZ983024 OCS983022:ODD983024 NSW983022:NTH983024 NJA983022:NJL983024 MZE983022:MZP983024 MPI983022:MPT983024 MFM983022:MFX983024 LVQ983022:LWB983024 LLU983022:LMF983024 LBY983022:LCJ983024 KSC983022:KSN983024 KIG983022:KIR983024 JYK983022:JYV983024 JOO983022:JOZ983024 JES983022:JFD983024 IUW983022:IVH983024 ILA983022:ILL983024 IBE983022:IBP983024 HRI983022:HRT983024 HHM983022:HHX983024 GXQ983022:GYB983024 GNU983022:GOF983024 GDY983022:GEJ983024 FUC983022:FUN983024 FKG983022:FKR983024 FAK983022:FAV983024 EQO983022:EQZ983024 EGS983022:EHD983024 DWW983022:DXH983024 DNA983022:DNL983024 DDE983022:DDP983024 CTI983022:CTT983024 CJM983022:CJX983024 BZQ983022:CAB983024 BPU983022:BQF983024 BFY983022:BGJ983024 AWC983022:AWN983024 AMG983022:AMR983024 ACK983022:ACV983024 SO983022:SZ983024 IS983022:JD983024 WVE917486:WVP917488 WLI917486:WLT917488 WBM917486:WBX917488 VRQ917486:VSB917488 VHU917486:VIF917488 UXY917486:UYJ917488 UOC917486:UON917488 UEG917486:UER917488 TUK917486:TUV917488 TKO917486:TKZ917488 TAS917486:TBD917488 SQW917486:SRH917488 SHA917486:SHL917488 RXE917486:RXP917488 RNI917486:RNT917488 RDM917486:RDX917488 QTQ917486:QUB917488 QJU917486:QKF917488 PZY917486:QAJ917488 PQC917486:PQN917488 PGG917486:PGR917488 OWK917486:OWV917488 OMO917486:OMZ917488 OCS917486:ODD917488 NSW917486:NTH917488 NJA917486:NJL917488 MZE917486:MZP917488 MPI917486:MPT917488 MFM917486:MFX917488 LVQ917486:LWB917488 LLU917486:LMF917488 LBY917486:LCJ917488 KSC917486:KSN917488 KIG917486:KIR917488 JYK917486:JYV917488 JOO917486:JOZ917488 JES917486:JFD917488 IUW917486:IVH917488 ILA917486:ILL917488 IBE917486:IBP917488 HRI917486:HRT917488 HHM917486:HHX917488 GXQ917486:GYB917488 GNU917486:GOF917488 GDY917486:GEJ917488 FUC917486:FUN917488 FKG917486:FKR917488 FAK917486:FAV917488 EQO917486:EQZ917488 EGS917486:EHD917488 DWW917486:DXH917488 DNA917486:DNL917488 DDE917486:DDP917488 CTI917486:CTT917488 CJM917486:CJX917488 BZQ917486:CAB917488 BPU917486:BQF917488 BFY917486:BGJ917488 AWC917486:AWN917488 AMG917486:AMR917488 ACK917486:ACV917488 SO917486:SZ917488 IS917486:JD917488 WVE851950:WVP851952 WLI851950:WLT851952 WBM851950:WBX851952 VRQ851950:VSB851952 VHU851950:VIF851952 UXY851950:UYJ851952 UOC851950:UON851952 UEG851950:UER851952 TUK851950:TUV851952 TKO851950:TKZ851952 TAS851950:TBD851952 SQW851950:SRH851952 SHA851950:SHL851952 RXE851950:RXP851952 RNI851950:RNT851952 RDM851950:RDX851952 QTQ851950:QUB851952 QJU851950:QKF851952 PZY851950:QAJ851952 PQC851950:PQN851952 PGG851950:PGR851952 OWK851950:OWV851952 OMO851950:OMZ851952 OCS851950:ODD851952 NSW851950:NTH851952 NJA851950:NJL851952 MZE851950:MZP851952 MPI851950:MPT851952 MFM851950:MFX851952 LVQ851950:LWB851952 LLU851950:LMF851952 LBY851950:LCJ851952 KSC851950:KSN851952 KIG851950:KIR851952 JYK851950:JYV851952 JOO851950:JOZ851952 JES851950:JFD851952 IUW851950:IVH851952 ILA851950:ILL851952 IBE851950:IBP851952 HRI851950:HRT851952 HHM851950:HHX851952 GXQ851950:GYB851952 GNU851950:GOF851952 GDY851950:GEJ851952 FUC851950:FUN851952 FKG851950:FKR851952 FAK851950:FAV851952 EQO851950:EQZ851952 EGS851950:EHD851952 DWW851950:DXH851952 DNA851950:DNL851952 DDE851950:DDP851952 CTI851950:CTT851952 CJM851950:CJX851952 BZQ851950:CAB851952 BPU851950:BQF851952 BFY851950:BGJ851952 AWC851950:AWN851952 AMG851950:AMR851952 ACK851950:ACV851952 SO851950:SZ851952 IS851950:JD851952 WVE786414:WVP786416 WLI786414:WLT786416 WBM786414:WBX786416 VRQ786414:VSB786416 VHU786414:VIF786416 UXY786414:UYJ786416 UOC786414:UON786416 UEG786414:UER786416 TUK786414:TUV786416 TKO786414:TKZ786416 TAS786414:TBD786416 SQW786414:SRH786416 SHA786414:SHL786416 RXE786414:RXP786416 RNI786414:RNT786416 RDM786414:RDX786416 QTQ786414:QUB786416 QJU786414:QKF786416 PZY786414:QAJ786416 PQC786414:PQN786416 PGG786414:PGR786416 OWK786414:OWV786416 OMO786414:OMZ786416 OCS786414:ODD786416 NSW786414:NTH786416 NJA786414:NJL786416 MZE786414:MZP786416 MPI786414:MPT786416 MFM786414:MFX786416 LVQ786414:LWB786416 LLU786414:LMF786416 LBY786414:LCJ786416 KSC786414:KSN786416 KIG786414:KIR786416 JYK786414:JYV786416 JOO786414:JOZ786416 JES786414:JFD786416 IUW786414:IVH786416 ILA786414:ILL786416 IBE786414:IBP786416 HRI786414:HRT786416 HHM786414:HHX786416 GXQ786414:GYB786416 GNU786414:GOF786416 GDY786414:GEJ786416 FUC786414:FUN786416 FKG786414:FKR786416 FAK786414:FAV786416 EQO786414:EQZ786416 EGS786414:EHD786416 DWW786414:DXH786416 DNA786414:DNL786416 DDE786414:DDP786416 CTI786414:CTT786416 CJM786414:CJX786416 BZQ786414:CAB786416 BPU786414:BQF786416 BFY786414:BGJ786416 AWC786414:AWN786416 AMG786414:AMR786416 ACK786414:ACV786416 SO786414:SZ786416 IS786414:JD786416 WVE720878:WVP720880 WLI720878:WLT720880 WBM720878:WBX720880 VRQ720878:VSB720880 VHU720878:VIF720880 UXY720878:UYJ720880 UOC720878:UON720880 UEG720878:UER720880 TUK720878:TUV720880 TKO720878:TKZ720880 TAS720878:TBD720880 SQW720878:SRH720880 SHA720878:SHL720880 RXE720878:RXP720880 RNI720878:RNT720880 RDM720878:RDX720880 QTQ720878:QUB720880 QJU720878:QKF720880 PZY720878:QAJ720880 PQC720878:PQN720880 PGG720878:PGR720880 OWK720878:OWV720880 OMO720878:OMZ720880 OCS720878:ODD720880 NSW720878:NTH720880 NJA720878:NJL720880 MZE720878:MZP720880 MPI720878:MPT720880 MFM720878:MFX720880 LVQ720878:LWB720880 LLU720878:LMF720880 LBY720878:LCJ720880 KSC720878:KSN720880 KIG720878:KIR720880 JYK720878:JYV720880 JOO720878:JOZ720880 JES720878:JFD720880 IUW720878:IVH720880 ILA720878:ILL720880 IBE720878:IBP720880 HRI720878:HRT720880 HHM720878:HHX720880 GXQ720878:GYB720880 GNU720878:GOF720880 GDY720878:GEJ720880 FUC720878:FUN720880 FKG720878:FKR720880 FAK720878:FAV720880 EQO720878:EQZ720880 EGS720878:EHD720880 DWW720878:DXH720880 DNA720878:DNL720880 DDE720878:DDP720880 CTI720878:CTT720880 CJM720878:CJX720880 BZQ720878:CAB720880 BPU720878:BQF720880 BFY720878:BGJ720880 AWC720878:AWN720880 AMG720878:AMR720880 ACK720878:ACV720880 SO720878:SZ720880 IS720878:JD720880 WVE655342:WVP655344 WLI655342:WLT655344 WBM655342:WBX655344 VRQ655342:VSB655344 VHU655342:VIF655344 UXY655342:UYJ655344 UOC655342:UON655344 UEG655342:UER655344 TUK655342:TUV655344 TKO655342:TKZ655344 TAS655342:TBD655344 SQW655342:SRH655344 SHA655342:SHL655344 RXE655342:RXP655344 RNI655342:RNT655344 RDM655342:RDX655344 QTQ655342:QUB655344 QJU655342:QKF655344 PZY655342:QAJ655344 PQC655342:PQN655344 PGG655342:PGR655344 OWK655342:OWV655344 OMO655342:OMZ655344 OCS655342:ODD655344 NSW655342:NTH655344 NJA655342:NJL655344 MZE655342:MZP655344 MPI655342:MPT655344 MFM655342:MFX655344 LVQ655342:LWB655344 LLU655342:LMF655344 LBY655342:LCJ655344 KSC655342:KSN655344 KIG655342:KIR655344 JYK655342:JYV655344 JOO655342:JOZ655344 JES655342:JFD655344 IUW655342:IVH655344 ILA655342:ILL655344 IBE655342:IBP655344 HRI655342:HRT655344 HHM655342:HHX655344 GXQ655342:GYB655344 GNU655342:GOF655344 GDY655342:GEJ655344 FUC655342:FUN655344 FKG655342:FKR655344 FAK655342:FAV655344 EQO655342:EQZ655344 EGS655342:EHD655344 DWW655342:DXH655344 DNA655342:DNL655344 DDE655342:DDP655344 CTI655342:CTT655344 CJM655342:CJX655344 BZQ655342:CAB655344 BPU655342:BQF655344 BFY655342:BGJ655344 AWC655342:AWN655344 AMG655342:AMR655344 ACK655342:ACV655344 SO655342:SZ655344 IS655342:JD655344 WVE589806:WVP589808 WLI589806:WLT589808 WBM589806:WBX589808 VRQ589806:VSB589808 VHU589806:VIF589808 UXY589806:UYJ589808 UOC589806:UON589808 UEG589806:UER589808 TUK589806:TUV589808 TKO589806:TKZ589808 TAS589806:TBD589808 SQW589806:SRH589808 SHA589806:SHL589808 RXE589806:RXP589808 RNI589806:RNT589808 RDM589806:RDX589808 QTQ589806:QUB589808 QJU589806:QKF589808 PZY589806:QAJ589808 PQC589806:PQN589808 PGG589806:PGR589808 OWK589806:OWV589808 OMO589806:OMZ589808 OCS589806:ODD589808 NSW589806:NTH589808 NJA589806:NJL589808 MZE589806:MZP589808 MPI589806:MPT589808 MFM589806:MFX589808 LVQ589806:LWB589808 LLU589806:LMF589808 LBY589806:LCJ589808 KSC589806:KSN589808 KIG589806:KIR589808 JYK589806:JYV589808 JOO589806:JOZ589808 JES589806:JFD589808 IUW589806:IVH589808 ILA589806:ILL589808 IBE589806:IBP589808 HRI589806:HRT589808 HHM589806:HHX589808 GXQ589806:GYB589808 GNU589806:GOF589808 GDY589806:GEJ589808 FUC589806:FUN589808 FKG589806:FKR589808 FAK589806:FAV589808 EQO589806:EQZ589808 EGS589806:EHD589808 DWW589806:DXH589808 DNA589806:DNL589808 DDE589806:DDP589808 CTI589806:CTT589808 CJM589806:CJX589808 BZQ589806:CAB589808 BPU589806:BQF589808 BFY589806:BGJ589808 AWC589806:AWN589808 AMG589806:AMR589808 ACK589806:ACV589808 SO589806:SZ589808 IS589806:JD589808 WVE524270:WVP524272 WLI524270:WLT524272 WBM524270:WBX524272 VRQ524270:VSB524272 VHU524270:VIF524272 UXY524270:UYJ524272 UOC524270:UON524272 UEG524270:UER524272 TUK524270:TUV524272 TKO524270:TKZ524272 TAS524270:TBD524272 SQW524270:SRH524272 SHA524270:SHL524272 RXE524270:RXP524272 RNI524270:RNT524272 RDM524270:RDX524272 QTQ524270:QUB524272 QJU524270:QKF524272 PZY524270:QAJ524272 PQC524270:PQN524272 PGG524270:PGR524272 OWK524270:OWV524272 OMO524270:OMZ524272 OCS524270:ODD524272 NSW524270:NTH524272 NJA524270:NJL524272 MZE524270:MZP524272 MPI524270:MPT524272 MFM524270:MFX524272 LVQ524270:LWB524272 LLU524270:LMF524272 LBY524270:LCJ524272 KSC524270:KSN524272 KIG524270:KIR524272 JYK524270:JYV524272 JOO524270:JOZ524272 JES524270:JFD524272 IUW524270:IVH524272 ILA524270:ILL524272 IBE524270:IBP524272 HRI524270:HRT524272 HHM524270:HHX524272 GXQ524270:GYB524272 GNU524270:GOF524272 GDY524270:GEJ524272 FUC524270:FUN524272 FKG524270:FKR524272 FAK524270:FAV524272 EQO524270:EQZ524272 EGS524270:EHD524272 DWW524270:DXH524272 DNA524270:DNL524272 DDE524270:DDP524272 CTI524270:CTT524272 CJM524270:CJX524272 BZQ524270:CAB524272 BPU524270:BQF524272 BFY524270:BGJ524272 AWC524270:AWN524272 AMG524270:AMR524272 ACK524270:ACV524272 SO524270:SZ524272 IS524270:JD524272 WVE458734:WVP458736 WLI458734:WLT458736 WBM458734:WBX458736 VRQ458734:VSB458736 VHU458734:VIF458736 UXY458734:UYJ458736 UOC458734:UON458736 UEG458734:UER458736 TUK458734:TUV458736 TKO458734:TKZ458736 TAS458734:TBD458736 SQW458734:SRH458736 SHA458734:SHL458736 RXE458734:RXP458736 RNI458734:RNT458736 RDM458734:RDX458736 QTQ458734:QUB458736 QJU458734:QKF458736 PZY458734:QAJ458736 PQC458734:PQN458736 PGG458734:PGR458736 OWK458734:OWV458736 OMO458734:OMZ458736 OCS458734:ODD458736 NSW458734:NTH458736 NJA458734:NJL458736 MZE458734:MZP458736 MPI458734:MPT458736 MFM458734:MFX458736 LVQ458734:LWB458736 LLU458734:LMF458736 LBY458734:LCJ458736 KSC458734:KSN458736 KIG458734:KIR458736 JYK458734:JYV458736 JOO458734:JOZ458736 JES458734:JFD458736 IUW458734:IVH458736 ILA458734:ILL458736 IBE458734:IBP458736 HRI458734:HRT458736 HHM458734:HHX458736 GXQ458734:GYB458736 GNU458734:GOF458736 GDY458734:GEJ458736 FUC458734:FUN458736 FKG458734:FKR458736 FAK458734:FAV458736 EQO458734:EQZ458736 EGS458734:EHD458736 DWW458734:DXH458736 DNA458734:DNL458736 DDE458734:DDP458736 CTI458734:CTT458736 CJM458734:CJX458736 BZQ458734:CAB458736 BPU458734:BQF458736 BFY458734:BGJ458736 AWC458734:AWN458736 AMG458734:AMR458736 ACK458734:ACV458736 SO458734:SZ458736 IS458734:JD458736 WVE393198:WVP393200 WLI393198:WLT393200 WBM393198:WBX393200 VRQ393198:VSB393200 VHU393198:VIF393200 UXY393198:UYJ393200 UOC393198:UON393200 UEG393198:UER393200 TUK393198:TUV393200 TKO393198:TKZ393200 TAS393198:TBD393200 SQW393198:SRH393200 SHA393198:SHL393200 RXE393198:RXP393200 RNI393198:RNT393200 RDM393198:RDX393200 QTQ393198:QUB393200 QJU393198:QKF393200 PZY393198:QAJ393200 PQC393198:PQN393200 PGG393198:PGR393200 OWK393198:OWV393200 OMO393198:OMZ393200 OCS393198:ODD393200 NSW393198:NTH393200 NJA393198:NJL393200 MZE393198:MZP393200 MPI393198:MPT393200 MFM393198:MFX393200 LVQ393198:LWB393200 LLU393198:LMF393200 LBY393198:LCJ393200 KSC393198:KSN393200 KIG393198:KIR393200 JYK393198:JYV393200 JOO393198:JOZ393200 JES393198:JFD393200 IUW393198:IVH393200 ILA393198:ILL393200 IBE393198:IBP393200 HRI393198:HRT393200 HHM393198:HHX393200 GXQ393198:GYB393200 GNU393198:GOF393200 GDY393198:GEJ393200 FUC393198:FUN393200 FKG393198:FKR393200 FAK393198:FAV393200 EQO393198:EQZ393200 EGS393198:EHD393200 DWW393198:DXH393200 DNA393198:DNL393200 DDE393198:DDP393200 CTI393198:CTT393200 CJM393198:CJX393200 BZQ393198:CAB393200 BPU393198:BQF393200 BFY393198:BGJ393200 AWC393198:AWN393200 AMG393198:AMR393200 ACK393198:ACV393200 SO393198:SZ393200 IS393198:JD393200 WVE327662:WVP327664 WLI327662:WLT327664 WBM327662:WBX327664 VRQ327662:VSB327664 VHU327662:VIF327664 UXY327662:UYJ327664 UOC327662:UON327664 UEG327662:UER327664 TUK327662:TUV327664 TKO327662:TKZ327664 TAS327662:TBD327664 SQW327662:SRH327664 SHA327662:SHL327664 RXE327662:RXP327664 RNI327662:RNT327664 RDM327662:RDX327664 QTQ327662:QUB327664 QJU327662:QKF327664 PZY327662:QAJ327664 PQC327662:PQN327664 PGG327662:PGR327664 OWK327662:OWV327664 OMO327662:OMZ327664 OCS327662:ODD327664 NSW327662:NTH327664 NJA327662:NJL327664 MZE327662:MZP327664 MPI327662:MPT327664 MFM327662:MFX327664 LVQ327662:LWB327664 LLU327662:LMF327664 LBY327662:LCJ327664 KSC327662:KSN327664 KIG327662:KIR327664 JYK327662:JYV327664 JOO327662:JOZ327664 JES327662:JFD327664 IUW327662:IVH327664 ILA327662:ILL327664 IBE327662:IBP327664 HRI327662:HRT327664 HHM327662:HHX327664 GXQ327662:GYB327664 GNU327662:GOF327664 GDY327662:GEJ327664 FUC327662:FUN327664 FKG327662:FKR327664 FAK327662:FAV327664 EQO327662:EQZ327664 EGS327662:EHD327664 DWW327662:DXH327664 DNA327662:DNL327664 DDE327662:DDP327664 CTI327662:CTT327664 CJM327662:CJX327664 BZQ327662:CAB327664 BPU327662:BQF327664 BFY327662:BGJ327664 AWC327662:AWN327664 AMG327662:AMR327664 ACK327662:ACV327664 SO327662:SZ327664 IS327662:JD327664 WVE262126:WVP262128 WLI262126:WLT262128 WBM262126:WBX262128 VRQ262126:VSB262128 VHU262126:VIF262128 UXY262126:UYJ262128 UOC262126:UON262128 UEG262126:UER262128 TUK262126:TUV262128 TKO262126:TKZ262128 TAS262126:TBD262128 SQW262126:SRH262128 SHA262126:SHL262128 RXE262126:RXP262128 RNI262126:RNT262128 RDM262126:RDX262128 QTQ262126:QUB262128 QJU262126:QKF262128 PZY262126:QAJ262128 PQC262126:PQN262128 PGG262126:PGR262128 OWK262126:OWV262128 OMO262126:OMZ262128 OCS262126:ODD262128 NSW262126:NTH262128 NJA262126:NJL262128 MZE262126:MZP262128 MPI262126:MPT262128 MFM262126:MFX262128 LVQ262126:LWB262128 LLU262126:LMF262128 LBY262126:LCJ262128 KSC262126:KSN262128 KIG262126:KIR262128 JYK262126:JYV262128 JOO262126:JOZ262128 JES262126:JFD262128 IUW262126:IVH262128 ILA262126:ILL262128 IBE262126:IBP262128 HRI262126:HRT262128 HHM262126:HHX262128 GXQ262126:GYB262128 GNU262126:GOF262128 GDY262126:GEJ262128 FUC262126:FUN262128 FKG262126:FKR262128 FAK262126:FAV262128 EQO262126:EQZ262128 EGS262126:EHD262128 DWW262126:DXH262128 DNA262126:DNL262128 DDE262126:DDP262128 CTI262126:CTT262128 CJM262126:CJX262128 BZQ262126:CAB262128 BPU262126:BQF262128 BFY262126:BGJ262128 AWC262126:AWN262128 AMG262126:AMR262128 ACK262126:ACV262128 SO262126:SZ262128 IS262126:JD262128 WVE196590:WVP196592 WLI196590:WLT196592 WBM196590:WBX196592 VRQ196590:VSB196592 VHU196590:VIF196592 UXY196590:UYJ196592 UOC196590:UON196592 UEG196590:UER196592 TUK196590:TUV196592 TKO196590:TKZ196592 TAS196590:TBD196592 SQW196590:SRH196592 SHA196590:SHL196592 RXE196590:RXP196592 RNI196590:RNT196592 RDM196590:RDX196592 QTQ196590:QUB196592 QJU196590:QKF196592 PZY196590:QAJ196592 PQC196590:PQN196592 PGG196590:PGR196592 OWK196590:OWV196592 OMO196590:OMZ196592 OCS196590:ODD196592 NSW196590:NTH196592 NJA196590:NJL196592 MZE196590:MZP196592 MPI196590:MPT196592 MFM196590:MFX196592 LVQ196590:LWB196592 LLU196590:LMF196592 LBY196590:LCJ196592 KSC196590:KSN196592 KIG196590:KIR196592 JYK196590:JYV196592 JOO196590:JOZ196592 JES196590:JFD196592 IUW196590:IVH196592 ILA196590:ILL196592 IBE196590:IBP196592 HRI196590:HRT196592 HHM196590:HHX196592 GXQ196590:GYB196592 GNU196590:GOF196592 GDY196590:GEJ196592 FUC196590:FUN196592 FKG196590:FKR196592 FAK196590:FAV196592 EQO196590:EQZ196592 EGS196590:EHD196592 DWW196590:DXH196592 DNA196590:DNL196592 DDE196590:DDP196592 CTI196590:CTT196592 CJM196590:CJX196592 BZQ196590:CAB196592 BPU196590:BQF196592 BFY196590:BGJ196592 AWC196590:AWN196592 AMG196590:AMR196592 ACK196590:ACV196592 SO196590:SZ196592 IS196590:JD196592 WVE131054:WVP131056 WLI131054:WLT131056 WBM131054:WBX131056 VRQ131054:VSB131056 VHU131054:VIF131056 UXY131054:UYJ131056 UOC131054:UON131056 UEG131054:UER131056 TUK131054:TUV131056 TKO131054:TKZ131056 TAS131054:TBD131056 SQW131054:SRH131056 SHA131054:SHL131056 RXE131054:RXP131056 RNI131054:RNT131056 RDM131054:RDX131056 QTQ131054:QUB131056 QJU131054:QKF131056 PZY131054:QAJ131056 PQC131054:PQN131056 PGG131054:PGR131056 OWK131054:OWV131056 OMO131054:OMZ131056 OCS131054:ODD131056 NSW131054:NTH131056 NJA131054:NJL131056 MZE131054:MZP131056 MPI131054:MPT131056 MFM131054:MFX131056 LVQ131054:LWB131056 LLU131054:LMF131056 LBY131054:LCJ131056 KSC131054:KSN131056 KIG131054:KIR131056 JYK131054:JYV131056 JOO131054:JOZ131056 JES131054:JFD131056 IUW131054:IVH131056 ILA131054:ILL131056 IBE131054:IBP131056 HRI131054:HRT131056 HHM131054:HHX131056 GXQ131054:GYB131056 GNU131054:GOF131056 GDY131054:GEJ131056 FUC131054:FUN131056 FKG131054:FKR131056 FAK131054:FAV131056 EQO131054:EQZ131056 EGS131054:EHD131056 DWW131054:DXH131056 DNA131054:DNL131056 DDE131054:DDP131056 CTI131054:CTT131056 CJM131054:CJX131056 BZQ131054:CAB131056 BPU131054:BQF131056 BFY131054:BGJ131056 AWC131054:AWN131056 AMG131054:AMR131056 ACK131054:ACV131056 SO131054:SZ131056 IS131054:JD131056 WVE65518:WVP65520 WLI65518:WLT65520 WBM65518:WBX65520 VRQ65518:VSB65520 VHU65518:VIF65520 UXY65518:UYJ65520 UOC65518:UON65520 UEG65518:UER65520 TUK65518:TUV65520 TKO65518:TKZ65520 TAS65518:TBD65520 SQW65518:SRH65520 SHA65518:SHL65520 RXE65518:RXP65520 RNI65518:RNT65520 RDM65518:RDX65520 QTQ65518:QUB65520 QJU65518:QKF65520 PZY65518:QAJ65520 PQC65518:PQN65520 PGG65518:PGR65520 OWK65518:OWV65520 OMO65518:OMZ65520 OCS65518:ODD65520 NSW65518:NTH65520 NJA65518:NJL65520 MZE65518:MZP65520 MPI65518:MPT65520 MFM65518:MFX65520 LVQ65518:LWB65520 LLU65518:LMF65520 LBY65518:LCJ65520 KSC65518:KSN65520 KIG65518:KIR65520 JYK65518:JYV65520 JOO65518:JOZ65520 JES65518:JFD65520 IUW65518:IVH65520 ILA65518:ILL65520 IBE65518:IBP65520 HRI65518:HRT65520 HHM65518:HHX65520 GXQ65518:GYB65520 GNU65518:GOF65520 GDY65518:GEJ65520 FUC65518:FUN65520 FKG65518:FKR65520 FAK65518:FAV65520 EQO65518:EQZ65520 EGS65518:EHD65520 DWW65518:DXH65520 DNA65518:DNL65520 DDE65518:DDP65520 CTI65518:CTT65520 CJM65518:CJX65520 BZQ65518:CAB65520 BPU65518:BQF65520 BFY65518:BGJ65520 AWC65518:AWN65520 AMG65518:AMR65520 ACK65518:ACV65520 SO65518:SZ65520 IS65518:JD65520 E65518:O65520 E131054:O131056 E196590:O196592 E262126:O262128 E327662:O327664 E393198:O393200 E458734:O458736 E524270:O524272 E589806:O589808 E655342:O655344 E720878:O720880 E786414:O786416 E851950:O851952 E917486:O917488 E983022:O983024 H11:H13 SO11:SZ13 ACK11:ACV13 AMG11:AMR13 AWC11:AWN13 BFY11:BGJ13 BPU11:BQF13 BZQ11:CAB13 CJM11:CJX13 CTI11:CTT13 DDE11:DDP13 DNA11:DNL13 DWW11:DXH13 EGS11:EHD13 EQO11:EQZ13 FAK11:FAV13 FKG11:FKR13 FUC11:FUN13 GDY11:GEJ13 GNU11:GOF13 GXQ11:GYB13 HHM11:HHX13 HRI11:HRT13 IBE11:IBP13 ILA11:ILL13 IUW11:IVH13 JES11:JFD13 JOO11:JOZ13 JYK11:JYV13 KIG11:KIR13 KSC11:KSN13 LBY11:LCJ13 LLU11:LMF13 LVQ11:LWB13 MFM11:MFX13 MPI11:MPT13 MZE11:MZP13 NJA11:NJL13 NSW11:NTH13 OCS11:ODD13 OMO11:OMZ13 OWK11:OWV13 PGG11:PGR13 PQC11:PQN13 PZY11:QAJ13 QJU11:QKF13 QTQ11:QUB13 RDM11:RDX13 RNI11:RNT13 RXE11:RXP13 SHA11:SHL13 SQW11:SRH13 TAS11:TBD13 TKO11:TKZ13 TUK11:TUV13 UEG11:UER13 UOC11:UON13 UXY11:UYJ13 VHU11:VIF13 VRQ11:VSB13 WBM11:WBX13 WLI11:WLT13 WVE11:WVP13 IS11:JD13">
      <formula1>E11=DBCS(E11)</formula1>
    </dataValidation>
    <dataValidation type="list" allowBlank="1" showInputMessage="1" showErrorMessage="1" sqref="WVO983032:WVQ983035 WLS983032:WLU983035 WBW983032:WBY983035 VSA983032:VSC983035 VIE983032:VIG983035 UYI983032:UYK983035 UOM983032:UOO983035 UEQ983032:UES983035 TUU983032:TUW983035 TKY983032:TLA983035 TBC983032:TBE983035 SRG983032:SRI983035 SHK983032:SHM983035 RXO983032:RXQ983035 RNS983032:RNU983035 RDW983032:RDY983035 QUA983032:QUC983035 QKE983032:QKG983035 QAI983032:QAK983035 PQM983032:PQO983035 PGQ983032:PGS983035 OWU983032:OWW983035 OMY983032:ONA983035 ODC983032:ODE983035 NTG983032:NTI983035 NJK983032:NJM983035 MZO983032:MZQ983035 MPS983032:MPU983035 MFW983032:MFY983035 LWA983032:LWC983035 LME983032:LMG983035 LCI983032:LCK983035 KSM983032:KSO983035 KIQ983032:KIS983035 JYU983032:JYW983035 JOY983032:JPA983035 JFC983032:JFE983035 IVG983032:IVI983035 ILK983032:ILM983035 IBO983032:IBQ983035 HRS983032:HRU983035 HHW983032:HHY983035 GYA983032:GYC983035 GOE983032:GOG983035 GEI983032:GEK983035 FUM983032:FUO983035 FKQ983032:FKS983035 FAU983032:FAW983035 EQY983032:ERA983035 EHC983032:EHE983035 DXG983032:DXI983035 DNK983032:DNM983035 DDO983032:DDQ983035 CTS983032:CTU983035 CJW983032:CJY983035 CAA983032:CAC983035 BQE983032:BQG983035 BGI983032:BGK983035 AWM983032:AWO983035 AMQ983032:AMS983035 ACU983032:ACW983035 SY983032:TA983035 JC983032:JE983035 N983032:P983035 WVO917496:WVQ917499 WLS917496:WLU917499 WBW917496:WBY917499 VSA917496:VSC917499 VIE917496:VIG917499 UYI917496:UYK917499 UOM917496:UOO917499 UEQ917496:UES917499 TUU917496:TUW917499 TKY917496:TLA917499 TBC917496:TBE917499 SRG917496:SRI917499 SHK917496:SHM917499 RXO917496:RXQ917499 RNS917496:RNU917499 RDW917496:RDY917499 QUA917496:QUC917499 QKE917496:QKG917499 QAI917496:QAK917499 PQM917496:PQO917499 PGQ917496:PGS917499 OWU917496:OWW917499 OMY917496:ONA917499 ODC917496:ODE917499 NTG917496:NTI917499 NJK917496:NJM917499 MZO917496:MZQ917499 MPS917496:MPU917499 MFW917496:MFY917499 LWA917496:LWC917499 LME917496:LMG917499 LCI917496:LCK917499 KSM917496:KSO917499 KIQ917496:KIS917499 JYU917496:JYW917499 JOY917496:JPA917499 JFC917496:JFE917499 IVG917496:IVI917499 ILK917496:ILM917499 IBO917496:IBQ917499 HRS917496:HRU917499 HHW917496:HHY917499 GYA917496:GYC917499 GOE917496:GOG917499 GEI917496:GEK917499 FUM917496:FUO917499 FKQ917496:FKS917499 FAU917496:FAW917499 EQY917496:ERA917499 EHC917496:EHE917499 DXG917496:DXI917499 DNK917496:DNM917499 DDO917496:DDQ917499 CTS917496:CTU917499 CJW917496:CJY917499 CAA917496:CAC917499 BQE917496:BQG917499 BGI917496:BGK917499 AWM917496:AWO917499 AMQ917496:AMS917499 ACU917496:ACW917499 SY917496:TA917499 JC917496:JE917499 N917496:P917499 WVO851960:WVQ851963 WLS851960:WLU851963 WBW851960:WBY851963 VSA851960:VSC851963 VIE851960:VIG851963 UYI851960:UYK851963 UOM851960:UOO851963 UEQ851960:UES851963 TUU851960:TUW851963 TKY851960:TLA851963 TBC851960:TBE851963 SRG851960:SRI851963 SHK851960:SHM851963 RXO851960:RXQ851963 RNS851960:RNU851963 RDW851960:RDY851963 QUA851960:QUC851963 QKE851960:QKG851963 QAI851960:QAK851963 PQM851960:PQO851963 PGQ851960:PGS851963 OWU851960:OWW851963 OMY851960:ONA851963 ODC851960:ODE851963 NTG851960:NTI851963 NJK851960:NJM851963 MZO851960:MZQ851963 MPS851960:MPU851963 MFW851960:MFY851963 LWA851960:LWC851963 LME851960:LMG851963 LCI851960:LCK851963 KSM851960:KSO851963 KIQ851960:KIS851963 JYU851960:JYW851963 JOY851960:JPA851963 JFC851960:JFE851963 IVG851960:IVI851963 ILK851960:ILM851963 IBO851960:IBQ851963 HRS851960:HRU851963 HHW851960:HHY851963 GYA851960:GYC851963 GOE851960:GOG851963 GEI851960:GEK851963 FUM851960:FUO851963 FKQ851960:FKS851963 FAU851960:FAW851963 EQY851960:ERA851963 EHC851960:EHE851963 DXG851960:DXI851963 DNK851960:DNM851963 DDO851960:DDQ851963 CTS851960:CTU851963 CJW851960:CJY851963 CAA851960:CAC851963 BQE851960:BQG851963 BGI851960:BGK851963 AWM851960:AWO851963 AMQ851960:AMS851963 ACU851960:ACW851963 SY851960:TA851963 JC851960:JE851963 N851960:P851963 WVO786424:WVQ786427 WLS786424:WLU786427 WBW786424:WBY786427 VSA786424:VSC786427 VIE786424:VIG786427 UYI786424:UYK786427 UOM786424:UOO786427 UEQ786424:UES786427 TUU786424:TUW786427 TKY786424:TLA786427 TBC786424:TBE786427 SRG786424:SRI786427 SHK786424:SHM786427 RXO786424:RXQ786427 RNS786424:RNU786427 RDW786424:RDY786427 QUA786424:QUC786427 QKE786424:QKG786427 QAI786424:QAK786427 PQM786424:PQO786427 PGQ786424:PGS786427 OWU786424:OWW786427 OMY786424:ONA786427 ODC786424:ODE786427 NTG786424:NTI786427 NJK786424:NJM786427 MZO786424:MZQ786427 MPS786424:MPU786427 MFW786424:MFY786427 LWA786424:LWC786427 LME786424:LMG786427 LCI786424:LCK786427 KSM786424:KSO786427 KIQ786424:KIS786427 JYU786424:JYW786427 JOY786424:JPA786427 JFC786424:JFE786427 IVG786424:IVI786427 ILK786424:ILM786427 IBO786424:IBQ786427 HRS786424:HRU786427 HHW786424:HHY786427 GYA786424:GYC786427 GOE786424:GOG786427 GEI786424:GEK786427 FUM786424:FUO786427 FKQ786424:FKS786427 FAU786424:FAW786427 EQY786424:ERA786427 EHC786424:EHE786427 DXG786424:DXI786427 DNK786424:DNM786427 DDO786424:DDQ786427 CTS786424:CTU786427 CJW786424:CJY786427 CAA786424:CAC786427 BQE786424:BQG786427 BGI786424:BGK786427 AWM786424:AWO786427 AMQ786424:AMS786427 ACU786424:ACW786427 SY786424:TA786427 JC786424:JE786427 N786424:P786427 WVO720888:WVQ720891 WLS720888:WLU720891 WBW720888:WBY720891 VSA720888:VSC720891 VIE720888:VIG720891 UYI720888:UYK720891 UOM720888:UOO720891 UEQ720888:UES720891 TUU720888:TUW720891 TKY720888:TLA720891 TBC720888:TBE720891 SRG720888:SRI720891 SHK720888:SHM720891 RXO720888:RXQ720891 RNS720888:RNU720891 RDW720888:RDY720891 QUA720888:QUC720891 QKE720888:QKG720891 QAI720888:QAK720891 PQM720888:PQO720891 PGQ720888:PGS720891 OWU720888:OWW720891 OMY720888:ONA720891 ODC720888:ODE720891 NTG720888:NTI720891 NJK720888:NJM720891 MZO720888:MZQ720891 MPS720888:MPU720891 MFW720888:MFY720891 LWA720888:LWC720891 LME720888:LMG720891 LCI720888:LCK720891 KSM720888:KSO720891 KIQ720888:KIS720891 JYU720888:JYW720891 JOY720888:JPA720891 JFC720888:JFE720891 IVG720888:IVI720891 ILK720888:ILM720891 IBO720888:IBQ720891 HRS720888:HRU720891 HHW720888:HHY720891 GYA720888:GYC720891 GOE720888:GOG720891 GEI720888:GEK720891 FUM720888:FUO720891 FKQ720888:FKS720891 FAU720888:FAW720891 EQY720888:ERA720891 EHC720888:EHE720891 DXG720888:DXI720891 DNK720888:DNM720891 DDO720888:DDQ720891 CTS720888:CTU720891 CJW720888:CJY720891 CAA720888:CAC720891 BQE720888:BQG720891 BGI720888:BGK720891 AWM720888:AWO720891 AMQ720888:AMS720891 ACU720888:ACW720891 SY720888:TA720891 JC720888:JE720891 N720888:P720891 WVO655352:WVQ655355 WLS655352:WLU655355 WBW655352:WBY655355 VSA655352:VSC655355 VIE655352:VIG655355 UYI655352:UYK655355 UOM655352:UOO655355 UEQ655352:UES655355 TUU655352:TUW655355 TKY655352:TLA655355 TBC655352:TBE655355 SRG655352:SRI655355 SHK655352:SHM655355 RXO655352:RXQ655355 RNS655352:RNU655355 RDW655352:RDY655355 QUA655352:QUC655355 QKE655352:QKG655355 QAI655352:QAK655355 PQM655352:PQO655355 PGQ655352:PGS655355 OWU655352:OWW655355 OMY655352:ONA655355 ODC655352:ODE655355 NTG655352:NTI655355 NJK655352:NJM655355 MZO655352:MZQ655355 MPS655352:MPU655355 MFW655352:MFY655355 LWA655352:LWC655355 LME655352:LMG655355 LCI655352:LCK655355 KSM655352:KSO655355 KIQ655352:KIS655355 JYU655352:JYW655355 JOY655352:JPA655355 JFC655352:JFE655355 IVG655352:IVI655355 ILK655352:ILM655355 IBO655352:IBQ655355 HRS655352:HRU655355 HHW655352:HHY655355 GYA655352:GYC655355 GOE655352:GOG655355 GEI655352:GEK655355 FUM655352:FUO655355 FKQ655352:FKS655355 FAU655352:FAW655355 EQY655352:ERA655355 EHC655352:EHE655355 DXG655352:DXI655355 DNK655352:DNM655355 DDO655352:DDQ655355 CTS655352:CTU655355 CJW655352:CJY655355 CAA655352:CAC655355 BQE655352:BQG655355 BGI655352:BGK655355 AWM655352:AWO655355 AMQ655352:AMS655355 ACU655352:ACW655355 SY655352:TA655355 JC655352:JE655355 N655352:P655355 WVO589816:WVQ589819 WLS589816:WLU589819 WBW589816:WBY589819 VSA589816:VSC589819 VIE589816:VIG589819 UYI589816:UYK589819 UOM589816:UOO589819 UEQ589816:UES589819 TUU589816:TUW589819 TKY589816:TLA589819 TBC589816:TBE589819 SRG589816:SRI589819 SHK589816:SHM589819 RXO589816:RXQ589819 RNS589816:RNU589819 RDW589816:RDY589819 QUA589816:QUC589819 QKE589816:QKG589819 QAI589816:QAK589819 PQM589816:PQO589819 PGQ589816:PGS589819 OWU589816:OWW589819 OMY589816:ONA589819 ODC589816:ODE589819 NTG589816:NTI589819 NJK589816:NJM589819 MZO589816:MZQ589819 MPS589816:MPU589819 MFW589816:MFY589819 LWA589816:LWC589819 LME589816:LMG589819 LCI589816:LCK589819 KSM589816:KSO589819 KIQ589816:KIS589819 JYU589816:JYW589819 JOY589816:JPA589819 JFC589816:JFE589819 IVG589816:IVI589819 ILK589816:ILM589819 IBO589816:IBQ589819 HRS589816:HRU589819 HHW589816:HHY589819 GYA589816:GYC589819 GOE589816:GOG589819 GEI589816:GEK589819 FUM589816:FUO589819 FKQ589816:FKS589819 FAU589816:FAW589819 EQY589816:ERA589819 EHC589816:EHE589819 DXG589816:DXI589819 DNK589816:DNM589819 DDO589816:DDQ589819 CTS589816:CTU589819 CJW589816:CJY589819 CAA589816:CAC589819 BQE589816:BQG589819 BGI589816:BGK589819 AWM589816:AWO589819 AMQ589816:AMS589819 ACU589816:ACW589819 SY589816:TA589819 JC589816:JE589819 N589816:P589819 WVO524280:WVQ524283 WLS524280:WLU524283 WBW524280:WBY524283 VSA524280:VSC524283 VIE524280:VIG524283 UYI524280:UYK524283 UOM524280:UOO524283 UEQ524280:UES524283 TUU524280:TUW524283 TKY524280:TLA524283 TBC524280:TBE524283 SRG524280:SRI524283 SHK524280:SHM524283 RXO524280:RXQ524283 RNS524280:RNU524283 RDW524280:RDY524283 QUA524280:QUC524283 QKE524280:QKG524283 QAI524280:QAK524283 PQM524280:PQO524283 PGQ524280:PGS524283 OWU524280:OWW524283 OMY524280:ONA524283 ODC524280:ODE524283 NTG524280:NTI524283 NJK524280:NJM524283 MZO524280:MZQ524283 MPS524280:MPU524283 MFW524280:MFY524283 LWA524280:LWC524283 LME524280:LMG524283 LCI524280:LCK524283 KSM524280:KSO524283 KIQ524280:KIS524283 JYU524280:JYW524283 JOY524280:JPA524283 JFC524280:JFE524283 IVG524280:IVI524283 ILK524280:ILM524283 IBO524280:IBQ524283 HRS524280:HRU524283 HHW524280:HHY524283 GYA524280:GYC524283 GOE524280:GOG524283 GEI524280:GEK524283 FUM524280:FUO524283 FKQ524280:FKS524283 FAU524280:FAW524283 EQY524280:ERA524283 EHC524280:EHE524283 DXG524280:DXI524283 DNK524280:DNM524283 DDO524280:DDQ524283 CTS524280:CTU524283 CJW524280:CJY524283 CAA524280:CAC524283 BQE524280:BQG524283 BGI524280:BGK524283 AWM524280:AWO524283 AMQ524280:AMS524283 ACU524280:ACW524283 SY524280:TA524283 JC524280:JE524283 N524280:P524283 WVO458744:WVQ458747 WLS458744:WLU458747 WBW458744:WBY458747 VSA458744:VSC458747 VIE458744:VIG458747 UYI458744:UYK458747 UOM458744:UOO458747 UEQ458744:UES458747 TUU458744:TUW458747 TKY458744:TLA458747 TBC458744:TBE458747 SRG458744:SRI458747 SHK458744:SHM458747 RXO458744:RXQ458747 RNS458744:RNU458747 RDW458744:RDY458747 QUA458744:QUC458747 QKE458744:QKG458747 QAI458744:QAK458747 PQM458744:PQO458747 PGQ458744:PGS458747 OWU458744:OWW458747 OMY458744:ONA458747 ODC458744:ODE458747 NTG458744:NTI458747 NJK458744:NJM458747 MZO458744:MZQ458747 MPS458744:MPU458747 MFW458744:MFY458747 LWA458744:LWC458747 LME458744:LMG458747 LCI458744:LCK458747 KSM458744:KSO458747 KIQ458744:KIS458747 JYU458744:JYW458747 JOY458744:JPA458747 JFC458744:JFE458747 IVG458744:IVI458747 ILK458744:ILM458747 IBO458744:IBQ458747 HRS458744:HRU458747 HHW458744:HHY458747 GYA458744:GYC458747 GOE458744:GOG458747 GEI458744:GEK458747 FUM458744:FUO458747 FKQ458744:FKS458747 FAU458744:FAW458747 EQY458744:ERA458747 EHC458744:EHE458747 DXG458744:DXI458747 DNK458744:DNM458747 DDO458744:DDQ458747 CTS458744:CTU458747 CJW458744:CJY458747 CAA458744:CAC458747 BQE458744:BQG458747 BGI458744:BGK458747 AWM458744:AWO458747 AMQ458744:AMS458747 ACU458744:ACW458747 SY458744:TA458747 JC458744:JE458747 N458744:P458747 WVO393208:WVQ393211 WLS393208:WLU393211 WBW393208:WBY393211 VSA393208:VSC393211 VIE393208:VIG393211 UYI393208:UYK393211 UOM393208:UOO393211 UEQ393208:UES393211 TUU393208:TUW393211 TKY393208:TLA393211 TBC393208:TBE393211 SRG393208:SRI393211 SHK393208:SHM393211 RXO393208:RXQ393211 RNS393208:RNU393211 RDW393208:RDY393211 QUA393208:QUC393211 QKE393208:QKG393211 QAI393208:QAK393211 PQM393208:PQO393211 PGQ393208:PGS393211 OWU393208:OWW393211 OMY393208:ONA393211 ODC393208:ODE393211 NTG393208:NTI393211 NJK393208:NJM393211 MZO393208:MZQ393211 MPS393208:MPU393211 MFW393208:MFY393211 LWA393208:LWC393211 LME393208:LMG393211 LCI393208:LCK393211 KSM393208:KSO393211 KIQ393208:KIS393211 JYU393208:JYW393211 JOY393208:JPA393211 JFC393208:JFE393211 IVG393208:IVI393211 ILK393208:ILM393211 IBO393208:IBQ393211 HRS393208:HRU393211 HHW393208:HHY393211 GYA393208:GYC393211 GOE393208:GOG393211 GEI393208:GEK393211 FUM393208:FUO393211 FKQ393208:FKS393211 FAU393208:FAW393211 EQY393208:ERA393211 EHC393208:EHE393211 DXG393208:DXI393211 DNK393208:DNM393211 DDO393208:DDQ393211 CTS393208:CTU393211 CJW393208:CJY393211 CAA393208:CAC393211 BQE393208:BQG393211 BGI393208:BGK393211 AWM393208:AWO393211 AMQ393208:AMS393211 ACU393208:ACW393211 SY393208:TA393211 JC393208:JE393211 N393208:P393211 WVO327672:WVQ327675 WLS327672:WLU327675 WBW327672:WBY327675 VSA327672:VSC327675 VIE327672:VIG327675 UYI327672:UYK327675 UOM327672:UOO327675 UEQ327672:UES327675 TUU327672:TUW327675 TKY327672:TLA327675 TBC327672:TBE327675 SRG327672:SRI327675 SHK327672:SHM327675 RXO327672:RXQ327675 RNS327672:RNU327675 RDW327672:RDY327675 QUA327672:QUC327675 QKE327672:QKG327675 QAI327672:QAK327675 PQM327672:PQO327675 PGQ327672:PGS327675 OWU327672:OWW327675 OMY327672:ONA327675 ODC327672:ODE327675 NTG327672:NTI327675 NJK327672:NJM327675 MZO327672:MZQ327675 MPS327672:MPU327675 MFW327672:MFY327675 LWA327672:LWC327675 LME327672:LMG327675 LCI327672:LCK327675 KSM327672:KSO327675 KIQ327672:KIS327675 JYU327672:JYW327675 JOY327672:JPA327675 JFC327672:JFE327675 IVG327672:IVI327675 ILK327672:ILM327675 IBO327672:IBQ327675 HRS327672:HRU327675 HHW327672:HHY327675 GYA327672:GYC327675 GOE327672:GOG327675 GEI327672:GEK327675 FUM327672:FUO327675 FKQ327672:FKS327675 FAU327672:FAW327675 EQY327672:ERA327675 EHC327672:EHE327675 DXG327672:DXI327675 DNK327672:DNM327675 DDO327672:DDQ327675 CTS327672:CTU327675 CJW327672:CJY327675 CAA327672:CAC327675 BQE327672:BQG327675 BGI327672:BGK327675 AWM327672:AWO327675 AMQ327672:AMS327675 ACU327672:ACW327675 SY327672:TA327675 JC327672:JE327675 N327672:P327675 WVO262136:WVQ262139 WLS262136:WLU262139 WBW262136:WBY262139 VSA262136:VSC262139 VIE262136:VIG262139 UYI262136:UYK262139 UOM262136:UOO262139 UEQ262136:UES262139 TUU262136:TUW262139 TKY262136:TLA262139 TBC262136:TBE262139 SRG262136:SRI262139 SHK262136:SHM262139 RXO262136:RXQ262139 RNS262136:RNU262139 RDW262136:RDY262139 QUA262136:QUC262139 QKE262136:QKG262139 QAI262136:QAK262139 PQM262136:PQO262139 PGQ262136:PGS262139 OWU262136:OWW262139 OMY262136:ONA262139 ODC262136:ODE262139 NTG262136:NTI262139 NJK262136:NJM262139 MZO262136:MZQ262139 MPS262136:MPU262139 MFW262136:MFY262139 LWA262136:LWC262139 LME262136:LMG262139 LCI262136:LCK262139 KSM262136:KSO262139 KIQ262136:KIS262139 JYU262136:JYW262139 JOY262136:JPA262139 JFC262136:JFE262139 IVG262136:IVI262139 ILK262136:ILM262139 IBO262136:IBQ262139 HRS262136:HRU262139 HHW262136:HHY262139 GYA262136:GYC262139 GOE262136:GOG262139 GEI262136:GEK262139 FUM262136:FUO262139 FKQ262136:FKS262139 FAU262136:FAW262139 EQY262136:ERA262139 EHC262136:EHE262139 DXG262136:DXI262139 DNK262136:DNM262139 DDO262136:DDQ262139 CTS262136:CTU262139 CJW262136:CJY262139 CAA262136:CAC262139 BQE262136:BQG262139 BGI262136:BGK262139 AWM262136:AWO262139 AMQ262136:AMS262139 ACU262136:ACW262139 SY262136:TA262139 JC262136:JE262139 N262136:P262139 WVO196600:WVQ196603 WLS196600:WLU196603 WBW196600:WBY196603 VSA196600:VSC196603 VIE196600:VIG196603 UYI196600:UYK196603 UOM196600:UOO196603 UEQ196600:UES196603 TUU196600:TUW196603 TKY196600:TLA196603 TBC196600:TBE196603 SRG196600:SRI196603 SHK196600:SHM196603 RXO196600:RXQ196603 RNS196600:RNU196603 RDW196600:RDY196603 QUA196600:QUC196603 QKE196600:QKG196603 QAI196600:QAK196603 PQM196600:PQO196603 PGQ196600:PGS196603 OWU196600:OWW196603 OMY196600:ONA196603 ODC196600:ODE196603 NTG196600:NTI196603 NJK196600:NJM196603 MZO196600:MZQ196603 MPS196600:MPU196603 MFW196600:MFY196603 LWA196600:LWC196603 LME196600:LMG196603 LCI196600:LCK196603 KSM196600:KSO196603 KIQ196600:KIS196603 JYU196600:JYW196603 JOY196600:JPA196603 JFC196600:JFE196603 IVG196600:IVI196603 ILK196600:ILM196603 IBO196600:IBQ196603 HRS196600:HRU196603 HHW196600:HHY196603 GYA196600:GYC196603 GOE196600:GOG196603 GEI196600:GEK196603 FUM196600:FUO196603 FKQ196600:FKS196603 FAU196600:FAW196603 EQY196600:ERA196603 EHC196600:EHE196603 DXG196600:DXI196603 DNK196600:DNM196603 DDO196600:DDQ196603 CTS196600:CTU196603 CJW196600:CJY196603 CAA196600:CAC196603 BQE196600:BQG196603 BGI196600:BGK196603 AWM196600:AWO196603 AMQ196600:AMS196603 ACU196600:ACW196603 SY196600:TA196603 JC196600:JE196603 N196600:P196603 WVO131064:WVQ131067 WLS131064:WLU131067 WBW131064:WBY131067 VSA131064:VSC131067 VIE131064:VIG131067 UYI131064:UYK131067 UOM131064:UOO131067 UEQ131064:UES131067 TUU131064:TUW131067 TKY131064:TLA131067 TBC131064:TBE131067 SRG131064:SRI131067 SHK131064:SHM131067 RXO131064:RXQ131067 RNS131064:RNU131067 RDW131064:RDY131067 QUA131064:QUC131067 QKE131064:QKG131067 QAI131064:QAK131067 PQM131064:PQO131067 PGQ131064:PGS131067 OWU131064:OWW131067 OMY131064:ONA131067 ODC131064:ODE131067 NTG131064:NTI131067 NJK131064:NJM131067 MZO131064:MZQ131067 MPS131064:MPU131067 MFW131064:MFY131067 LWA131064:LWC131067 LME131064:LMG131067 LCI131064:LCK131067 KSM131064:KSO131067 KIQ131064:KIS131067 JYU131064:JYW131067 JOY131064:JPA131067 JFC131064:JFE131067 IVG131064:IVI131067 ILK131064:ILM131067 IBO131064:IBQ131067 HRS131064:HRU131067 HHW131064:HHY131067 GYA131064:GYC131067 GOE131064:GOG131067 GEI131064:GEK131067 FUM131064:FUO131067 FKQ131064:FKS131067 FAU131064:FAW131067 EQY131064:ERA131067 EHC131064:EHE131067 DXG131064:DXI131067 DNK131064:DNM131067 DDO131064:DDQ131067 CTS131064:CTU131067 CJW131064:CJY131067 CAA131064:CAC131067 BQE131064:BQG131067 BGI131064:BGK131067 AWM131064:AWO131067 AMQ131064:AMS131067 ACU131064:ACW131067 SY131064:TA131067 JC131064:JE131067 N131064:P131067 WVO65528:WVQ65531 WLS65528:WLU65531 WBW65528:WBY65531 VSA65528:VSC65531 VIE65528:VIG65531 UYI65528:UYK65531 UOM65528:UOO65531 UEQ65528:UES65531 TUU65528:TUW65531 TKY65528:TLA65531 TBC65528:TBE65531 SRG65528:SRI65531 SHK65528:SHM65531 RXO65528:RXQ65531 RNS65528:RNU65531 RDW65528:RDY65531 QUA65528:QUC65531 QKE65528:QKG65531 QAI65528:QAK65531 PQM65528:PQO65531 PGQ65528:PGS65531 OWU65528:OWW65531 OMY65528:ONA65531 ODC65528:ODE65531 NTG65528:NTI65531 NJK65528:NJM65531 MZO65528:MZQ65531 MPS65528:MPU65531 MFW65528:MFY65531 LWA65528:LWC65531 LME65528:LMG65531 LCI65528:LCK65531 KSM65528:KSO65531 KIQ65528:KIS65531 JYU65528:JYW65531 JOY65528:JPA65531 JFC65528:JFE65531 IVG65528:IVI65531 ILK65528:ILM65531 IBO65528:IBQ65531 HRS65528:HRU65531 HHW65528:HHY65531 GYA65528:GYC65531 GOE65528:GOG65531 GEI65528:GEK65531 FUM65528:FUO65531 FKQ65528:FKS65531 FAU65528:FAW65531 EQY65528:ERA65531 EHC65528:EHE65531 DXG65528:DXI65531 DNK65528:DNM65531 DDO65528:DDQ65531 CTS65528:CTU65531 CJW65528:CJY65531 CAA65528:CAC65531 BQE65528:BQG65531 BGI65528:BGK65531 AWM65528:AWO65531 AMQ65528:AMS65531 ACU65528:ACW65531 SY65528:TA65531 JC65528:JE65531 N65528:P65531">
      <formula1>#REF!</formula1>
    </dataValidation>
  </dataValidations>
  <pageMargins left="0.70866141732283472" right="0.70866141732283472" top="0.59055118110236227" bottom="0.35433070866141736" header="0.31496062992125984" footer="0.31496062992125984"/>
  <pageSetup paperSize="9" scale="92"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49"/>
  <sheetViews>
    <sheetView view="pageBreakPreview" zoomScaleNormal="100" zoomScaleSheetLayoutView="100" zoomScalePageLayoutView="85" workbookViewId="0"/>
  </sheetViews>
  <sheetFormatPr defaultRowHeight="14.25"/>
  <cols>
    <col min="1" max="1" width="7.5" style="113" customWidth="1"/>
    <col min="2" max="2" width="10.75" style="113" customWidth="1"/>
    <col min="3" max="3" width="18.5" style="113" customWidth="1"/>
    <col min="4" max="4" width="6.125" style="113" customWidth="1"/>
    <col min="5" max="5" width="1.75" style="113" customWidth="1"/>
    <col min="6" max="6" width="7.25" style="113" customWidth="1"/>
    <col min="7" max="7" width="4.125" style="113" customWidth="1"/>
    <col min="8" max="8" width="5.75" style="113" customWidth="1"/>
    <col min="9" max="9" width="1.75" style="113" customWidth="1"/>
    <col min="10" max="10" width="8.875" style="113"/>
    <col min="11" max="11" width="5" style="113" customWidth="1"/>
    <col min="12" max="12" width="1.625" style="113" customWidth="1"/>
    <col min="13" max="13" width="3.875" style="113" customWidth="1"/>
    <col min="14" max="14" width="2.125" style="113" customWidth="1"/>
    <col min="15" max="16" width="4" style="113" customWidth="1"/>
    <col min="17" max="17" width="13.75" style="113" customWidth="1"/>
    <col min="18" max="18" width="1.5" style="113" customWidth="1"/>
    <col min="19" max="19" width="2.25" style="115" customWidth="1"/>
    <col min="20" max="20" width="1.625" style="116" customWidth="1"/>
    <col min="21" max="21" width="74.5" style="113" customWidth="1"/>
    <col min="22" max="31" width="8.875" style="113"/>
    <col min="32" max="33" width="10" style="113" hidden="1" customWidth="1"/>
    <col min="34" max="34" width="68" style="113" hidden="1" customWidth="1"/>
    <col min="35" max="35" width="10" style="113" hidden="1" customWidth="1"/>
    <col min="36" max="43" width="10" style="113" customWidth="1"/>
    <col min="44" max="250" width="8.875" style="113"/>
    <col min="251" max="251" width="7.5" style="113" customWidth="1"/>
    <col min="252" max="252" width="16" style="113" customWidth="1"/>
    <col min="253" max="253" width="12.25" style="113" customWidth="1"/>
    <col min="254" max="254" width="6.125" style="113" customWidth="1"/>
    <col min="255" max="255" width="1.75" style="113" customWidth="1"/>
    <col min="256" max="256" width="7.25" style="113" customWidth="1"/>
    <col min="257" max="257" width="4.125" style="113" customWidth="1"/>
    <col min="258" max="258" width="5.75" style="113" customWidth="1"/>
    <col min="259" max="259" width="1.75" style="113" customWidth="1"/>
    <col min="260" max="260" width="8.875" style="113"/>
    <col min="261" max="261" width="5" style="113" customWidth="1"/>
    <col min="262" max="262" width="1.625" style="113" customWidth="1"/>
    <col min="263" max="263" width="3.875" style="113" customWidth="1"/>
    <col min="264" max="264" width="2.125" style="113" customWidth="1"/>
    <col min="265" max="266" width="4" style="113" customWidth="1"/>
    <col min="267" max="267" width="13.75" style="113" customWidth="1"/>
    <col min="268" max="268" width="1.5" style="113" customWidth="1"/>
    <col min="269" max="269" width="3.5" style="113" customWidth="1"/>
    <col min="270" max="270" width="1.625" style="113" customWidth="1"/>
    <col min="271" max="271" width="72.5" style="113" customWidth="1"/>
    <col min="272" max="272" width="8.375" style="113" customWidth="1"/>
    <col min="273" max="276" width="0" style="113" hidden="1" customWidth="1"/>
    <col min="277" max="287" width="8.875" style="113"/>
    <col min="288" max="291" width="0" style="113" hidden="1" customWidth="1"/>
    <col min="292" max="299" width="10" style="113" customWidth="1"/>
    <col min="300" max="506" width="8.875" style="113"/>
    <col min="507" max="507" width="7.5" style="113" customWidth="1"/>
    <col min="508" max="508" width="16" style="113" customWidth="1"/>
    <col min="509" max="509" width="12.25" style="113" customWidth="1"/>
    <col min="510" max="510" width="6.125" style="113" customWidth="1"/>
    <col min="511" max="511" width="1.75" style="113" customWidth="1"/>
    <col min="512" max="512" width="7.25" style="113" customWidth="1"/>
    <col min="513" max="513" width="4.125" style="113" customWidth="1"/>
    <col min="514" max="514" width="5.75" style="113" customWidth="1"/>
    <col min="515" max="515" width="1.75" style="113" customWidth="1"/>
    <col min="516" max="516" width="8.875" style="113"/>
    <col min="517" max="517" width="5" style="113" customWidth="1"/>
    <col min="518" max="518" width="1.625" style="113" customWidth="1"/>
    <col min="519" max="519" width="3.875" style="113" customWidth="1"/>
    <col min="520" max="520" width="2.125" style="113" customWidth="1"/>
    <col min="521" max="522" width="4" style="113" customWidth="1"/>
    <col min="523" max="523" width="13.75" style="113" customWidth="1"/>
    <col min="524" max="524" width="1.5" style="113" customWidth="1"/>
    <col min="525" max="525" width="3.5" style="113" customWidth="1"/>
    <col min="526" max="526" width="1.625" style="113" customWidth="1"/>
    <col min="527" max="527" width="72.5" style="113" customWidth="1"/>
    <col min="528" max="528" width="8.375" style="113" customWidth="1"/>
    <col min="529" max="532" width="0" style="113" hidden="1" customWidth="1"/>
    <col min="533" max="543" width="8.875" style="113"/>
    <col min="544" max="547" width="0" style="113" hidden="1" customWidth="1"/>
    <col min="548" max="555" width="10" style="113" customWidth="1"/>
    <col min="556" max="762" width="8.875" style="113"/>
    <col min="763" max="763" width="7.5" style="113" customWidth="1"/>
    <col min="764" max="764" width="16" style="113" customWidth="1"/>
    <col min="765" max="765" width="12.25" style="113" customWidth="1"/>
    <col min="766" max="766" width="6.125" style="113" customWidth="1"/>
    <col min="767" max="767" width="1.75" style="113" customWidth="1"/>
    <col min="768" max="768" width="7.25" style="113" customWidth="1"/>
    <col min="769" max="769" width="4.125" style="113" customWidth="1"/>
    <col min="770" max="770" width="5.75" style="113" customWidth="1"/>
    <col min="771" max="771" width="1.75" style="113" customWidth="1"/>
    <col min="772" max="772" width="8.875" style="113"/>
    <col min="773" max="773" width="5" style="113" customWidth="1"/>
    <col min="774" max="774" width="1.625" style="113" customWidth="1"/>
    <col min="775" max="775" width="3.875" style="113" customWidth="1"/>
    <col min="776" max="776" width="2.125" style="113" customWidth="1"/>
    <col min="777" max="778" width="4" style="113" customWidth="1"/>
    <col min="779" max="779" width="13.75" style="113" customWidth="1"/>
    <col min="780" max="780" width="1.5" style="113" customWidth="1"/>
    <col min="781" max="781" width="3.5" style="113" customWidth="1"/>
    <col min="782" max="782" width="1.625" style="113" customWidth="1"/>
    <col min="783" max="783" width="72.5" style="113" customWidth="1"/>
    <col min="784" max="784" width="8.375" style="113" customWidth="1"/>
    <col min="785" max="788" width="0" style="113" hidden="1" customWidth="1"/>
    <col min="789" max="799" width="8.875" style="113"/>
    <col min="800" max="803" width="0" style="113" hidden="1" customWidth="1"/>
    <col min="804" max="811" width="10" style="113" customWidth="1"/>
    <col min="812" max="1018" width="8.875" style="113"/>
    <col min="1019" max="1019" width="7.5" style="113" customWidth="1"/>
    <col min="1020" max="1020" width="16" style="113" customWidth="1"/>
    <col min="1021" max="1021" width="12.25" style="113" customWidth="1"/>
    <col min="1022" max="1022" width="6.125" style="113" customWidth="1"/>
    <col min="1023" max="1023" width="1.75" style="113" customWidth="1"/>
    <col min="1024" max="1024" width="7.25" style="113" customWidth="1"/>
    <col min="1025" max="1025" width="4.125" style="113" customWidth="1"/>
    <col min="1026" max="1026" width="5.75" style="113" customWidth="1"/>
    <col min="1027" max="1027" width="1.75" style="113" customWidth="1"/>
    <col min="1028" max="1028" width="8.875" style="113"/>
    <col min="1029" max="1029" width="5" style="113" customWidth="1"/>
    <col min="1030" max="1030" width="1.625" style="113" customWidth="1"/>
    <col min="1031" max="1031" width="3.875" style="113" customWidth="1"/>
    <col min="1032" max="1032" width="2.125" style="113" customWidth="1"/>
    <col min="1033" max="1034" width="4" style="113" customWidth="1"/>
    <col min="1035" max="1035" width="13.75" style="113" customWidth="1"/>
    <col min="1036" max="1036" width="1.5" style="113" customWidth="1"/>
    <col min="1037" max="1037" width="3.5" style="113" customWidth="1"/>
    <col min="1038" max="1038" width="1.625" style="113" customWidth="1"/>
    <col min="1039" max="1039" width="72.5" style="113" customWidth="1"/>
    <col min="1040" max="1040" width="8.375" style="113" customWidth="1"/>
    <col min="1041" max="1044" width="0" style="113" hidden="1" customWidth="1"/>
    <col min="1045" max="1055" width="8.875" style="113"/>
    <col min="1056" max="1059" width="0" style="113" hidden="1" customWidth="1"/>
    <col min="1060" max="1067" width="10" style="113" customWidth="1"/>
    <col min="1068" max="1274" width="8.875" style="113"/>
    <col min="1275" max="1275" width="7.5" style="113" customWidth="1"/>
    <col min="1276" max="1276" width="16" style="113" customWidth="1"/>
    <col min="1277" max="1277" width="12.25" style="113" customWidth="1"/>
    <col min="1278" max="1278" width="6.125" style="113" customWidth="1"/>
    <col min="1279" max="1279" width="1.75" style="113" customWidth="1"/>
    <col min="1280" max="1280" width="7.25" style="113" customWidth="1"/>
    <col min="1281" max="1281" width="4.125" style="113" customWidth="1"/>
    <col min="1282" max="1282" width="5.75" style="113" customWidth="1"/>
    <col min="1283" max="1283" width="1.75" style="113" customWidth="1"/>
    <col min="1284" max="1284" width="8.875" style="113"/>
    <col min="1285" max="1285" width="5" style="113" customWidth="1"/>
    <col min="1286" max="1286" width="1.625" style="113" customWidth="1"/>
    <col min="1287" max="1287" width="3.875" style="113" customWidth="1"/>
    <col min="1288" max="1288" width="2.125" style="113" customWidth="1"/>
    <col min="1289" max="1290" width="4" style="113" customWidth="1"/>
    <col min="1291" max="1291" width="13.75" style="113" customWidth="1"/>
    <col min="1292" max="1292" width="1.5" style="113" customWidth="1"/>
    <col min="1293" max="1293" width="3.5" style="113" customWidth="1"/>
    <col min="1294" max="1294" width="1.625" style="113" customWidth="1"/>
    <col min="1295" max="1295" width="72.5" style="113" customWidth="1"/>
    <col min="1296" max="1296" width="8.375" style="113" customWidth="1"/>
    <col min="1297" max="1300" width="0" style="113" hidden="1" customWidth="1"/>
    <col min="1301" max="1311" width="8.875" style="113"/>
    <col min="1312" max="1315" width="0" style="113" hidden="1" customWidth="1"/>
    <col min="1316" max="1323" width="10" style="113" customWidth="1"/>
    <col min="1324" max="1530" width="8.875" style="113"/>
    <col min="1531" max="1531" width="7.5" style="113" customWidth="1"/>
    <col min="1532" max="1532" width="16" style="113" customWidth="1"/>
    <col min="1533" max="1533" width="12.25" style="113" customWidth="1"/>
    <col min="1534" max="1534" width="6.125" style="113" customWidth="1"/>
    <col min="1535" max="1535" width="1.75" style="113" customWidth="1"/>
    <col min="1536" max="1536" width="7.25" style="113" customWidth="1"/>
    <col min="1537" max="1537" width="4.125" style="113" customWidth="1"/>
    <col min="1538" max="1538" width="5.75" style="113" customWidth="1"/>
    <col min="1539" max="1539" width="1.75" style="113" customWidth="1"/>
    <col min="1540" max="1540" width="8.875" style="113"/>
    <col min="1541" max="1541" width="5" style="113" customWidth="1"/>
    <col min="1542" max="1542" width="1.625" style="113" customWidth="1"/>
    <col min="1543" max="1543" width="3.875" style="113" customWidth="1"/>
    <col min="1544" max="1544" width="2.125" style="113" customWidth="1"/>
    <col min="1545" max="1546" width="4" style="113" customWidth="1"/>
    <col min="1547" max="1547" width="13.75" style="113" customWidth="1"/>
    <col min="1548" max="1548" width="1.5" style="113" customWidth="1"/>
    <col min="1549" max="1549" width="3.5" style="113" customWidth="1"/>
    <col min="1550" max="1550" width="1.625" style="113" customWidth="1"/>
    <col min="1551" max="1551" width="72.5" style="113" customWidth="1"/>
    <col min="1552" max="1552" width="8.375" style="113" customWidth="1"/>
    <col min="1553" max="1556" width="0" style="113" hidden="1" customWidth="1"/>
    <col min="1557" max="1567" width="8.875" style="113"/>
    <col min="1568" max="1571" width="0" style="113" hidden="1" customWidth="1"/>
    <col min="1572" max="1579" width="10" style="113" customWidth="1"/>
    <col min="1580" max="1786" width="8.875" style="113"/>
    <col min="1787" max="1787" width="7.5" style="113" customWidth="1"/>
    <col min="1788" max="1788" width="16" style="113" customWidth="1"/>
    <col min="1789" max="1789" width="12.25" style="113" customWidth="1"/>
    <col min="1790" max="1790" width="6.125" style="113" customWidth="1"/>
    <col min="1791" max="1791" width="1.75" style="113" customWidth="1"/>
    <col min="1792" max="1792" width="7.25" style="113" customWidth="1"/>
    <col min="1793" max="1793" width="4.125" style="113" customWidth="1"/>
    <col min="1794" max="1794" width="5.75" style="113" customWidth="1"/>
    <col min="1795" max="1795" width="1.75" style="113" customWidth="1"/>
    <col min="1796" max="1796" width="8.875" style="113"/>
    <col min="1797" max="1797" width="5" style="113" customWidth="1"/>
    <col min="1798" max="1798" width="1.625" style="113" customWidth="1"/>
    <col min="1799" max="1799" width="3.875" style="113" customWidth="1"/>
    <col min="1800" max="1800" width="2.125" style="113" customWidth="1"/>
    <col min="1801" max="1802" width="4" style="113" customWidth="1"/>
    <col min="1803" max="1803" width="13.75" style="113" customWidth="1"/>
    <col min="1804" max="1804" width="1.5" style="113" customWidth="1"/>
    <col min="1805" max="1805" width="3.5" style="113" customWidth="1"/>
    <col min="1806" max="1806" width="1.625" style="113" customWidth="1"/>
    <col min="1807" max="1807" width="72.5" style="113" customWidth="1"/>
    <col min="1808" max="1808" width="8.375" style="113" customWidth="1"/>
    <col min="1809" max="1812" width="0" style="113" hidden="1" customWidth="1"/>
    <col min="1813" max="1823" width="8.875" style="113"/>
    <col min="1824" max="1827" width="0" style="113" hidden="1" customWidth="1"/>
    <col min="1828" max="1835" width="10" style="113" customWidth="1"/>
    <col min="1836" max="2042" width="8.875" style="113"/>
    <col min="2043" max="2043" width="7.5" style="113" customWidth="1"/>
    <col min="2044" max="2044" width="16" style="113" customWidth="1"/>
    <col min="2045" max="2045" width="12.25" style="113" customWidth="1"/>
    <col min="2046" max="2046" width="6.125" style="113" customWidth="1"/>
    <col min="2047" max="2047" width="1.75" style="113" customWidth="1"/>
    <col min="2048" max="2048" width="7.25" style="113" customWidth="1"/>
    <col min="2049" max="2049" width="4.125" style="113" customWidth="1"/>
    <col min="2050" max="2050" width="5.75" style="113" customWidth="1"/>
    <col min="2051" max="2051" width="1.75" style="113" customWidth="1"/>
    <col min="2052" max="2052" width="8.875" style="113"/>
    <col min="2053" max="2053" width="5" style="113" customWidth="1"/>
    <col min="2054" max="2054" width="1.625" style="113" customWidth="1"/>
    <col min="2055" max="2055" width="3.875" style="113" customWidth="1"/>
    <col min="2056" max="2056" width="2.125" style="113" customWidth="1"/>
    <col min="2057" max="2058" width="4" style="113" customWidth="1"/>
    <col min="2059" max="2059" width="13.75" style="113" customWidth="1"/>
    <col min="2060" max="2060" width="1.5" style="113" customWidth="1"/>
    <col min="2061" max="2061" width="3.5" style="113" customWidth="1"/>
    <col min="2062" max="2062" width="1.625" style="113" customWidth="1"/>
    <col min="2063" max="2063" width="72.5" style="113" customWidth="1"/>
    <col min="2064" max="2064" width="8.375" style="113" customWidth="1"/>
    <col min="2065" max="2068" width="0" style="113" hidden="1" customWidth="1"/>
    <col min="2069" max="2079" width="8.875" style="113"/>
    <col min="2080" max="2083" width="0" style="113" hidden="1" customWidth="1"/>
    <col min="2084" max="2091" width="10" style="113" customWidth="1"/>
    <col min="2092" max="2298" width="8.875" style="113"/>
    <col min="2299" max="2299" width="7.5" style="113" customWidth="1"/>
    <col min="2300" max="2300" width="16" style="113" customWidth="1"/>
    <col min="2301" max="2301" width="12.25" style="113" customWidth="1"/>
    <col min="2302" max="2302" width="6.125" style="113" customWidth="1"/>
    <col min="2303" max="2303" width="1.75" style="113" customWidth="1"/>
    <col min="2304" max="2304" width="7.25" style="113" customWidth="1"/>
    <col min="2305" max="2305" width="4.125" style="113" customWidth="1"/>
    <col min="2306" max="2306" width="5.75" style="113" customWidth="1"/>
    <col min="2307" max="2307" width="1.75" style="113" customWidth="1"/>
    <col min="2308" max="2308" width="8.875" style="113"/>
    <col min="2309" max="2309" width="5" style="113" customWidth="1"/>
    <col min="2310" max="2310" width="1.625" style="113" customWidth="1"/>
    <col min="2311" max="2311" width="3.875" style="113" customWidth="1"/>
    <col min="2312" max="2312" width="2.125" style="113" customWidth="1"/>
    <col min="2313" max="2314" width="4" style="113" customWidth="1"/>
    <col min="2315" max="2315" width="13.75" style="113" customWidth="1"/>
    <col min="2316" max="2316" width="1.5" style="113" customWidth="1"/>
    <col min="2317" max="2317" width="3.5" style="113" customWidth="1"/>
    <col min="2318" max="2318" width="1.625" style="113" customWidth="1"/>
    <col min="2319" max="2319" width="72.5" style="113" customWidth="1"/>
    <col min="2320" max="2320" width="8.375" style="113" customWidth="1"/>
    <col min="2321" max="2324" width="0" style="113" hidden="1" customWidth="1"/>
    <col min="2325" max="2335" width="8.875" style="113"/>
    <col min="2336" max="2339" width="0" style="113" hidden="1" customWidth="1"/>
    <col min="2340" max="2347" width="10" style="113" customWidth="1"/>
    <col min="2348" max="2554" width="8.875" style="113"/>
    <col min="2555" max="2555" width="7.5" style="113" customWidth="1"/>
    <col min="2556" max="2556" width="16" style="113" customWidth="1"/>
    <col min="2557" max="2557" width="12.25" style="113" customWidth="1"/>
    <col min="2558" max="2558" width="6.125" style="113" customWidth="1"/>
    <col min="2559" max="2559" width="1.75" style="113" customWidth="1"/>
    <col min="2560" max="2560" width="7.25" style="113" customWidth="1"/>
    <col min="2561" max="2561" width="4.125" style="113" customWidth="1"/>
    <col min="2562" max="2562" width="5.75" style="113" customWidth="1"/>
    <col min="2563" max="2563" width="1.75" style="113" customWidth="1"/>
    <col min="2564" max="2564" width="8.875" style="113"/>
    <col min="2565" max="2565" width="5" style="113" customWidth="1"/>
    <col min="2566" max="2566" width="1.625" style="113" customWidth="1"/>
    <col min="2567" max="2567" width="3.875" style="113" customWidth="1"/>
    <col min="2568" max="2568" width="2.125" style="113" customWidth="1"/>
    <col min="2569" max="2570" width="4" style="113" customWidth="1"/>
    <col min="2571" max="2571" width="13.75" style="113" customWidth="1"/>
    <col min="2572" max="2572" width="1.5" style="113" customWidth="1"/>
    <col min="2573" max="2573" width="3.5" style="113" customWidth="1"/>
    <col min="2574" max="2574" width="1.625" style="113" customWidth="1"/>
    <col min="2575" max="2575" width="72.5" style="113" customWidth="1"/>
    <col min="2576" max="2576" width="8.375" style="113" customWidth="1"/>
    <col min="2577" max="2580" width="0" style="113" hidden="1" customWidth="1"/>
    <col min="2581" max="2591" width="8.875" style="113"/>
    <col min="2592" max="2595" width="0" style="113" hidden="1" customWidth="1"/>
    <col min="2596" max="2603" width="10" style="113" customWidth="1"/>
    <col min="2604" max="2810" width="8.875" style="113"/>
    <col min="2811" max="2811" width="7.5" style="113" customWidth="1"/>
    <col min="2812" max="2812" width="16" style="113" customWidth="1"/>
    <col min="2813" max="2813" width="12.25" style="113" customWidth="1"/>
    <col min="2814" max="2814" width="6.125" style="113" customWidth="1"/>
    <col min="2815" max="2815" width="1.75" style="113" customWidth="1"/>
    <col min="2816" max="2816" width="7.25" style="113" customWidth="1"/>
    <col min="2817" max="2817" width="4.125" style="113" customWidth="1"/>
    <col min="2818" max="2818" width="5.75" style="113" customWidth="1"/>
    <col min="2819" max="2819" width="1.75" style="113" customWidth="1"/>
    <col min="2820" max="2820" width="8.875" style="113"/>
    <col min="2821" max="2821" width="5" style="113" customWidth="1"/>
    <col min="2822" max="2822" width="1.625" style="113" customWidth="1"/>
    <col min="2823" max="2823" width="3.875" style="113" customWidth="1"/>
    <col min="2824" max="2824" width="2.125" style="113" customWidth="1"/>
    <col min="2825" max="2826" width="4" style="113" customWidth="1"/>
    <col min="2827" max="2827" width="13.75" style="113" customWidth="1"/>
    <col min="2828" max="2828" width="1.5" style="113" customWidth="1"/>
    <col min="2829" max="2829" width="3.5" style="113" customWidth="1"/>
    <col min="2830" max="2830" width="1.625" style="113" customWidth="1"/>
    <col min="2831" max="2831" width="72.5" style="113" customWidth="1"/>
    <col min="2832" max="2832" width="8.375" style="113" customWidth="1"/>
    <col min="2833" max="2836" width="0" style="113" hidden="1" customWidth="1"/>
    <col min="2837" max="2847" width="8.875" style="113"/>
    <col min="2848" max="2851" width="0" style="113" hidden="1" customWidth="1"/>
    <col min="2852" max="2859" width="10" style="113" customWidth="1"/>
    <col min="2860" max="3066" width="8.875" style="113"/>
    <col min="3067" max="3067" width="7.5" style="113" customWidth="1"/>
    <col min="3068" max="3068" width="16" style="113" customWidth="1"/>
    <col min="3069" max="3069" width="12.25" style="113" customWidth="1"/>
    <col min="3070" max="3070" width="6.125" style="113" customWidth="1"/>
    <col min="3071" max="3071" width="1.75" style="113" customWidth="1"/>
    <col min="3072" max="3072" width="7.25" style="113" customWidth="1"/>
    <col min="3073" max="3073" width="4.125" style="113" customWidth="1"/>
    <col min="3074" max="3074" width="5.75" style="113" customWidth="1"/>
    <col min="3075" max="3075" width="1.75" style="113" customWidth="1"/>
    <col min="3076" max="3076" width="8.875" style="113"/>
    <col min="3077" max="3077" width="5" style="113" customWidth="1"/>
    <col min="3078" max="3078" width="1.625" style="113" customWidth="1"/>
    <col min="3079" max="3079" width="3.875" style="113" customWidth="1"/>
    <col min="3080" max="3080" width="2.125" style="113" customWidth="1"/>
    <col min="3081" max="3082" width="4" style="113" customWidth="1"/>
    <col min="3083" max="3083" width="13.75" style="113" customWidth="1"/>
    <col min="3084" max="3084" width="1.5" style="113" customWidth="1"/>
    <col min="3085" max="3085" width="3.5" style="113" customWidth="1"/>
    <col min="3086" max="3086" width="1.625" style="113" customWidth="1"/>
    <col min="3087" max="3087" width="72.5" style="113" customWidth="1"/>
    <col min="3088" max="3088" width="8.375" style="113" customWidth="1"/>
    <col min="3089" max="3092" width="0" style="113" hidden="1" customWidth="1"/>
    <col min="3093" max="3103" width="8.875" style="113"/>
    <col min="3104" max="3107" width="0" style="113" hidden="1" customWidth="1"/>
    <col min="3108" max="3115" width="10" style="113" customWidth="1"/>
    <col min="3116" max="3322" width="8.875" style="113"/>
    <col min="3323" max="3323" width="7.5" style="113" customWidth="1"/>
    <col min="3324" max="3324" width="16" style="113" customWidth="1"/>
    <col min="3325" max="3325" width="12.25" style="113" customWidth="1"/>
    <col min="3326" max="3326" width="6.125" style="113" customWidth="1"/>
    <col min="3327" max="3327" width="1.75" style="113" customWidth="1"/>
    <col min="3328" max="3328" width="7.25" style="113" customWidth="1"/>
    <col min="3329" max="3329" width="4.125" style="113" customWidth="1"/>
    <col min="3330" max="3330" width="5.75" style="113" customWidth="1"/>
    <col min="3331" max="3331" width="1.75" style="113" customWidth="1"/>
    <col min="3332" max="3332" width="8.875" style="113"/>
    <col min="3333" max="3333" width="5" style="113" customWidth="1"/>
    <col min="3334" max="3334" width="1.625" style="113" customWidth="1"/>
    <col min="3335" max="3335" width="3.875" style="113" customWidth="1"/>
    <col min="3336" max="3336" width="2.125" style="113" customWidth="1"/>
    <col min="3337" max="3338" width="4" style="113" customWidth="1"/>
    <col min="3339" max="3339" width="13.75" style="113" customWidth="1"/>
    <col min="3340" max="3340" width="1.5" style="113" customWidth="1"/>
    <col min="3341" max="3341" width="3.5" style="113" customWidth="1"/>
    <col min="3342" max="3342" width="1.625" style="113" customWidth="1"/>
    <col min="3343" max="3343" width="72.5" style="113" customWidth="1"/>
    <col min="3344" max="3344" width="8.375" style="113" customWidth="1"/>
    <col min="3345" max="3348" width="0" style="113" hidden="1" customWidth="1"/>
    <col min="3349" max="3359" width="8.875" style="113"/>
    <col min="3360" max="3363" width="0" style="113" hidden="1" customWidth="1"/>
    <col min="3364" max="3371" width="10" style="113" customWidth="1"/>
    <col min="3372" max="3578" width="8.875" style="113"/>
    <col min="3579" max="3579" width="7.5" style="113" customWidth="1"/>
    <col min="3580" max="3580" width="16" style="113" customWidth="1"/>
    <col min="3581" max="3581" width="12.25" style="113" customWidth="1"/>
    <col min="3582" max="3582" width="6.125" style="113" customWidth="1"/>
    <col min="3583" max="3583" width="1.75" style="113" customWidth="1"/>
    <col min="3584" max="3584" width="7.25" style="113" customWidth="1"/>
    <col min="3585" max="3585" width="4.125" style="113" customWidth="1"/>
    <col min="3586" max="3586" width="5.75" style="113" customWidth="1"/>
    <col min="3587" max="3587" width="1.75" style="113" customWidth="1"/>
    <col min="3588" max="3588" width="8.875" style="113"/>
    <col min="3589" max="3589" width="5" style="113" customWidth="1"/>
    <col min="3590" max="3590" width="1.625" style="113" customWidth="1"/>
    <col min="3591" max="3591" width="3.875" style="113" customWidth="1"/>
    <col min="3592" max="3592" width="2.125" style="113" customWidth="1"/>
    <col min="3593" max="3594" width="4" style="113" customWidth="1"/>
    <col min="3595" max="3595" width="13.75" style="113" customWidth="1"/>
    <col min="3596" max="3596" width="1.5" style="113" customWidth="1"/>
    <col min="3597" max="3597" width="3.5" style="113" customWidth="1"/>
    <col min="3598" max="3598" width="1.625" style="113" customWidth="1"/>
    <col min="3599" max="3599" width="72.5" style="113" customWidth="1"/>
    <col min="3600" max="3600" width="8.375" style="113" customWidth="1"/>
    <col min="3601" max="3604" width="0" style="113" hidden="1" customWidth="1"/>
    <col min="3605" max="3615" width="8.875" style="113"/>
    <col min="3616" max="3619" width="0" style="113" hidden="1" customWidth="1"/>
    <col min="3620" max="3627" width="10" style="113" customWidth="1"/>
    <col min="3628" max="3834" width="8.875" style="113"/>
    <col min="3835" max="3835" width="7.5" style="113" customWidth="1"/>
    <col min="3836" max="3836" width="16" style="113" customWidth="1"/>
    <col min="3837" max="3837" width="12.25" style="113" customWidth="1"/>
    <col min="3838" max="3838" width="6.125" style="113" customWidth="1"/>
    <col min="3839" max="3839" width="1.75" style="113" customWidth="1"/>
    <col min="3840" max="3840" width="7.25" style="113" customWidth="1"/>
    <col min="3841" max="3841" width="4.125" style="113" customWidth="1"/>
    <col min="3842" max="3842" width="5.75" style="113" customWidth="1"/>
    <col min="3843" max="3843" width="1.75" style="113" customWidth="1"/>
    <col min="3844" max="3844" width="8.875" style="113"/>
    <col min="3845" max="3845" width="5" style="113" customWidth="1"/>
    <col min="3846" max="3846" width="1.625" style="113" customWidth="1"/>
    <col min="3847" max="3847" width="3.875" style="113" customWidth="1"/>
    <col min="3848" max="3848" width="2.125" style="113" customWidth="1"/>
    <col min="3849" max="3850" width="4" style="113" customWidth="1"/>
    <col min="3851" max="3851" width="13.75" style="113" customWidth="1"/>
    <col min="3852" max="3852" width="1.5" style="113" customWidth="1"/>
    <col min="3853" max="3853" width="3.5" style="113" customWidth="1"/>
    <col min="3854" max="3854" width="1.625" style="113" customWidth="1"/>
    <col min="3855" max="3855" width="72.5" style="113" customWidth="1"/>
    <col min="3856" max="3856" width="8.375" style="113" customWidth="1"/>
    <col min="3857" max="3860" width="0" style="113" hidden="1" customWidth="1"/>
    <col min="3861" max="3871" width="8.875" style="113"/>
    <col min="3872" max="3875" width="0" style="113" hidden="1" customWidth="1"/>
    <col min="3876" max="3883" width="10" style="113" customWidth="1"/>
    <col min="3884" max="4090" width="8.875" style="113"/>
    <col min="4091" max="4091" width="7.5" style="113" customWidth="1"/>
    <col min="4092" max="4092" width="16" style="113" customWidth="1"/>
    <col min="4093" max="4093" width="12.25" style="113" customWidth="1"/>
    <col min="4094" max="4094" width="6.125" style="113" customWidth="1"/>
    <col min="4095" max="4095" width="1.75" style="113" customWidth="1"/>
    <col min="4096" max="4096" width="7.25" style="113" customWidth="1"/>
    <col min="4097" max="4097" width="4.125" style="113" customWidth="1"/>
    <col min="4098" max="4098" width="5.75" style="113" customWidth="1"/>
    <col min="4099" max="4099" width="1.75" style="113" customWidth="1"/>
    <col min="4100" max="4100" width="8.875" style="113"/>
    <col min="4101" max="4101" width="5" style="113" customWidth="1"/>
    <col min="4102" max="4102" width="1.625" style="113" customWidth="1"/>
    <col min="4103" max="4103" width="3.875" style="113" customWidth="1"/>
    <col min="4104" max="4104" width="2.125" style="113" customWidth="1"/>
    <col min="4105" max="4106" width="4" style="113" customWidth="1"/>
    <col min="4107" max="4107" width="13.75" style="113" customWidth="1"/>
    <col min="4108" max="4108" width="1.5" style="113" customWidth="1"/>
    <col min="4109" max="4109" width="3.5" style="113" customWidth="1"/>
    <col min="4110" max="4110" width="1.625" style="113" customWidth="1"/>
    <col min="4111" max="4111" width="72.5" style="113" customWidth="1"/>
    <col min="4112" max="4112" width="8.375" style="113" customWidth="1"/>
    <col min="4113" max="4116" width="0" style="113" hidden="1" customWidth="1"/>
    <col min="4117" max="4127" width="8.875" style="113"/>
    <col min="4128" max="4131" width="0" style="113" hidden="1" customWidth="1"/>
    <col min="4132" max="4139" width="10" style="113" customWidth="1"/>
    <col min="4140" max="4346" width="8.875" style="113"/>
    <col min="4347" max="4347" width="7.5" style="113" customWidth="1"/>
    <col min="4348" max="4348" width="16" style="113" customWidth="1"/>
    <col min="4349" max="4349" width="12.25" style="113" customWidth="1"/>
    <col min="4350" max="4350" width="6.125" style="113" customWidth="1"/>
    <col min="4351" max="4351" width="1.75" style="113" customWidth="1"/>
    <col min="4352" max="4352" width="7.25" style="113" customWidth="1"/>
    <col min="4353" max="4353" width="4.125" style="113" customWidth="1"/>
    <col min="4354" max="4354" width="5.75" style="113" customWidth="1"/>
    <col min="4355" max="4355" width="1.75" style="113" customWidth="1"/>
    <col min="4356" max="4356" width="8.875" style="113"/>
    <col min="4357" max="4357" width="5" style="113" customWidth="1"/>
    <col min="4358" max="4358" width="1.625" style="113" customWidth="1"/>
    <col min="4359" max="4359" width="3.875" style="113" customWidth="1"/>
    <col min="4360" max="4360" width="2.125" style="113" customWidth="1"/>
    <col min="4361" max="4362" width="4" style="113" customWidth="1"/>
    <col min="4363" max="4363" width="13.75" style="113" customWidth="1"/>
    <col min="4364" max="4364" width="1.5" style="113" customWidth="1"/>
    <col min="4365" max="4365" width="3.5" style="113" customWidth="1"/>
    <col min="4366" max="4366" width="1.625" style="113" customWidth="1"/>
    <col min="4367" max="4367" width="72.5" style="113" customWidth="1"/>
    <col min="4368" max="4368" width="8.375" style="113" customWidth="1"/>
    <col min="4369" max="4372" width="0" style="113" hidden="1" customWidth="1"/>
    <col min="4373" max="4383" width="8.875" style="113"/>
    <col min="4384" max="4387" width="0" style="113" hidden="1" customWidth="1"/>
    <col min="4388" max="4395" width="10" style="113" customWidth="1"/>
    <col min="4396" max="4602" width="8.875" style="113"/>
    <col min="4603" max="4603" width="7.5" style="113" customWidth="1"/>
    <col min="4604" max="4604" width="16" style="113" customWidth="1"/>
    <col min="4605" max="4605" width="12.25" style="113" customWidth="1"/>
    <col min="4606" max="4606" width="6.125" style="113" customWidth="1"/>
    <col min="4607" max="4607" width="1.75" style="113" customWidth="1"/>
    <col min="4608" max="4608" width="7.25" style="113" customWidth="1"/>
    <col min="4609" max="4609" width="4.125" style="113" customWidth="1"/>
    <col min="4610" max="4610" width="5.75" style="113" customWidth="1"/>
    <col min="4611" max="4611" width="1.75" style="113" customWidth="1"/>
    <col min="4612" max="4612" width="8.875" style="113"/>
    <col min="4613" max="4613" width="5" style="113" customWidth="1"/>
    <col min="4614" max="4614" width="1.625" style="113" customWidth="1"/>
    <col min="4615" max="4615" width="3.875" style="113" customWidth="1"/>
    <col min="4616" max="4616" width="2.125" style="113" customWidth="1"/>
    <col min="4617" max="4618" width="4" style="113" customWidth="1"/>
    <col min="4619" max="4619" width="13.75" style="113" customWidth="1"/>
    <col min="4620" max="4620" width="1.5" style="113" customWidth="1"/>
    <col min="4621" max="4621" width="3.5" style="113" customWidth="1"/>
    <col min="4622" max="4622" width="1.625" style="113" customWidth="1"/>
    <col min="4623" max="4623" width="72.5" style="113" customWidth="1"/>
    <col min="4624" max="4624" width="8.375" style="113" customWidth="1"/>
    <col min="4625" max="4628" width="0" style="113" hidden="1" customWidth="1"/>
    <col min="4629" max="4639" width="8.875" style="113"/>
    <col min="4640" max="4643" width="0" style="113" hidden="1" customWidth="1"/>
    <col min="4644" max="4651" width="10" style="113" customWidth="1"/>
    <col min="4652" max="4858" width="8.875" style="113"/>
    <col min="4859" max="4859" width="7.5" style="113" customWidth="1"/>
    <col min="4860" max="4860" width="16" style="113" customWidth="1"/>
    <col min="4861" max="4861" width="12.25" style="113" customWidth="1"/>
    <col min="4862" max="4862" width="6.125" style="113" customWidth="1"/>
    <col min="4863" max="4863" width="1.75" style="113" customWidth="1"/>
    <col min="4864" max="4864" width="7.25" style="113" customWidth="1"/>
    <col min="4865" max="4865" width="4.125" style="113" customWidth="1"/>
    <col min="4866" max="4866" width="5.75" style="113" customWidth="1"/>
    <col min="4867" max="4867" width="1.75" style="113" customWidth="1"/>
    <col min="4868" max="4868" width="8.875" style="113"/>
    <col min="4869" max="4869" width="5" style="113" customWidth="1"/>
    <col min="4870" max="4870" width="1.625" style="113" customWidth="1"/>
    <col min="4871" max="4871" width="3.875" style="113" customWidth="1"/>
    <col min="4872" max="4872" width="2.125" style="113" customWidth="1"/>
    <col min="4873" max="4874" width="4" style="113" customWidth="1"/>
    <col min="4875" max="4875" width="13.75" style="113" customWidth="1"/>
    <col min="4876" max="4876" width="1.5" style="113" customWidth="1"/>
    <col min="4877" max="4877" width="3.5" style="113" customWidth="1"/>
    <col min="4878" max="4878" width="1.625" style="113" customWidth="1"/>
    <col min="4879" max="4879" width="72.5" style="113" customWidth="1"/>
    <col min="4880" max="4880" width="8.375" style="113" customWidth="1"/>
    <col min="4881" max="4884" width="0" style="113" hidden="1" customWidth="1"/>
    <col min="4885" max="4895" width="8.875" style="113"/>
    <col min="4896" max="4899" width="0" style="113" hidden="1" customWidth="1"/>
    <col min="4900" max="4907" width="10" style="113" customWidth="1"/>
    <col min="4908" max="5114" width="8.875" style="113"/>
    <col min="5115" max="5115" width="7.5" style="113" customWidth="1"/>
    <col min="5116" max="5116" width="16" style="113" customWidth="1"/>
    <col min="5117" max="5117" width="12.25" style="113" customWidth="1"/>
    <col min="5118" max="5118" width="6.125" style="113" customWidth="1"/>
    <col min="5119" max="5119" width="1.75" style="113" customWidth="1"/>
    <col min="5120" max="5120" width="7.25" style="113" customWidth="1"/>
    <col min="5121" max="5121" width="4.125" style="113" customWidth="1"/>
    <col min="5122" max="5122" width="5.75" style="113" customWidth="1"/>
    <col min="5123" max="5123" width="1.75" style="113" customWidth="1"/>
    <col min="5124" max="5124" width="8.875" style="113"/>
    <col min="5125" max="5125" width="5" style="113" customWidth="1"/>
    <col min="5126" max="5126" width="1.625" style="113" customWidth="1"/>
    <col min="5127" max="5127" width="3.875" style="113" customWidth="1"/>
    <col min="5128" max="5128" width="2.125" style="113" customWidth="1"/>
    <col min="5129" max="5130" width="4" style="113" customWidth="1"/>
    <col min="5131" max="5131" width="13.75" style="113" customWidth="1"/>
    <col min="5132" max="5132" width="1.5" style="113" customWidth="1"/>
    <col min="5133" max="5133" width="3.5" style="113" customWidth="1"/>
    <col min="5134" max="5134" width="1.625" style="113" customWidth="1"/>
    <col min="5135" max="5135" width="72.5" style="113" customWidth="1"/>
    <col min="5136" max="5136" width="8.375" style="113" customWidth="1"/>
    <col min="5137" max="5140" width="0" style="113" hidden="1" customWidth="1"/>
    <col min="5141" max="5151" width="8.875" style="113"/>
    <col min="5152" max="5155" width="0" style="113" hidden="1" customWidth="1"/>
    <col min="5156" max="5163" width="10" style="113" customWidth="1"/>
    <col min="5164" max="5370" width="8.875" style="113"/>
    <col min="5371" max="5371" width="7.5" style="113" customWidth="1"/>
    <col min="5372" max="5372" width="16" style="113" customWidth="1"/>
    <col min="5373" max="5373" width="12.25" style="113" customWidth="1"/>
    <col min="5374" max="5374" width="6.125" style="113" customWidth="1"/>
    <col min="5375" max="5375" width="1.75" style="113" customWidth="1"/>
    <col min="5376" max="5376" width="7.25" style="113" customWidth="1"/>
    <col min="5377" max="5377" width="4.125" style="113" customWidth="1"/>
    <col min="5378" max="5378" width="5.75" style="113" customWidth="1"/>
    <col min="5379" max="5379" width="1.75" style="113" customWidth="1"/>
    <col min="5380" max="5380" width="8.875" style="113"/>
    <col min="5381" max="5381" width="5" style="113" customWidth="1"/>
    <col min="5382" max="5382" width="1.625" style="113" customWidth="1"/>
    <col min="5383" max="5383" width="3.875" style="113" customWidth="1"/>
    <col min="5384" max="5384" width="2.125" style="113" customWidth="1"/>
    <col min="5385" max="5386" width="4" style="113" customWidth="1"/>
    <col min="5387" max="5387" width="13.75" style="113" customWidth="1"/>
    <col min="5388" max="5388" width="1.5" style="113" customWidth="1"/>
    <col min="5389" max="5389" width="3.5" style="113" customWidth="1"/>
    <col min="5390" max="5390" width="1.625" style="113" customWidth="1"/>
    <col min="5391" max="5391" width="72.5" style="113" customWidth="1"/>
    <col min="5392" max="5392" width="8.375" style="113" customWidth="1"/>
    <col min="5393" max="5396" width="0" style="113" hidden="1" customWidth="1"/>
    <col min="5397" max="5407" width="8.875" style="113"/>
    <col min="5408" max="5411" width="0" style="113" hidden="1" customWidth="1"/>
    <col min="5412" max="5419" width="10" style="113" customWidth="1"/>
    <col min="5420" max="5626" width="8.875" style="113"/>
    <col min="5627" max="5627" width="7.5" style="113" customWidth="1"/>
    <col min="5628" max="5628" width="16" style="113" customWidth="1"/>
    <col min="5629" max="5629" width="12.25" style="113" customWidth="1"/>
    <col min="5630" max="5630" width="6.125" style="113" customWidth="1"/>
    <col min="5631" max="5631" width="1.75" style="113" customWidth="1"/>
    <col min="5632" max="5632" width="7.25" style="113" customWidth="1"/>
    <col min="5633" max="5633" width="4.125" style="113" customWidth="1"/>
    <col min="5634" max="5634" width="5.75" style="113" customWidth="1"/>
    <col min="5635" max="5635" width="1.75" style="113" customWidth="1"/>
    <col min="5636" max="5636" width="8.875" style="113"/>
    <col min="5637" max="5637" width="5" style="113" customWidth="1"/>
    <col min="5638" max="5638" width="1.625" style="113" customWidth="1"/>
    <col min="5639" max="5639" width="3.875" style="113" customWidth="1"/>
    <col min="5640" max="5640" width="2.125" style="113" customWidth="1"/>
    <col min="5641" max="5642" width="4" style="113" customWidth="1"/>
    <col min="5643" max="5643" width="13.75" style="113" customWidth="1"/>
    <col min="5644" max="5644" width="1.5" style="113" customWidth="1"/>
    <col min="5645" max="5645" width="3.5" style="113" customWidth="1"/>
    <col min="5646" max="5646" width="1.625" style="113" customWidth="1"/>
    <col min="5647" max="5647" width="72.5" style="113" customWidth="1"/>
    <col min="5648" max="5648" width="8.375" style="113" customWidth="1"/>
    <col min="5649" max="5652" width="0" style="113" hidden="1" customWidth="1"/>
    <col min="5653" max="5663" width="8.875" style="113"/>
    <col min="5664" max="5667" width="0" style="113" hidden="1" customWidth="1"/>
    <col min="5668" max="5675" width="10" style="113" customWidth="1"/>
    <col min="5676" max="5882" width="8.875" style="113"/>
    <col min="5883" max="5883" width="7.5" style="113" customWidth="1"/>
    <col min="5884" max="5884" width="16" style="113" customWidth="1"/>
    <col min="5885" max="5885" width="12.25" style="113" customWidth="1"/>
    <col min="5886" max="5886" width="6.125" style="113" customWidth="1"/>
    <col min="5887" max="5887" width="1.75" style="113" customWidth="1"/>
    <col min="5888" max="5888" width="7.25" style="113" customWidth="1"/>
    <col min="5889" max="5889" width="4.125" style="113" customWidth="1"/>
    <col min="5890" max="5890" width="5.75" style="113" customWidth="1"/>
    <col min="5891" max="5891" width="1.75" style="113" customWidth="1"/>
    <col min="5892" max="5892" width="8.875" style="113"/>
    <col min="5893" max="5893" width="5" style="113" customWidth="1"/>
    <col min="5894" max="5894" width="1.625" style="113" customWidth="1"/>
    <col min="5895" max="5895" width="3.875" style="113" customWidth="1"/>
    <col min="5896" max="5896" width="2.125" style="113" customWidth="1"/>
    <col min="5897" max="5898" width="4" style="113" customWidth="1"/>
    <col min="5899" max="5899" width="13.75" style="113" customWidth="1"/>
    <col min="5900" max="5900" width="1.5" style="113" customWidth="1"/>
    <col min="5901" max="5901" width="3.5" style="113" customWidth="1"/>
    <col min="5902" max="5902" width="1.625" style="113" customWidth="1"/>
    <col min="5903" max="5903" width="72.5" style="113" customWidth="1"/>
    <col min="5904" max="5904" width="8.375" style="113" customWidth="1"/>
    <col min="5905" max="5908" width="0" style="113" hidden="1" customWidth="1"/>
    <col min="5909" max="5919" width="8.875" style="113"/>
    <col min="5920" max="5923" width="0" style="113" hidden="1" customWidth="1"/>
    <col min="5924" max="5931" width="10" style="113" customWidth="1"/>
    <col min="5932" max="6138" width="8.875" style="113"/>
    <col min="6139" max="6139" width="7.5" style="113" customWidth="1"/>
    <col min="6140" max="6140" width="16" style="113" customWidth="1"/>
    <col min="6141" max="6141" width="12.25" style="113" customWidth="1"/>
    <col min="6142" max="6142" width="6.125" style="113" customWidth="1"/>
    <col min="6143" max="6143" width="1.75" style="113" customWidth="1"/>
    <col min="6144" max="6144" width="7.25" style="113" customWidth="1"/>
    <col min="6145" max="6145" width="4.125" style="113" customWidth="1"/>
    <col min="6146" max="6146" width="5.75" style="113" customWidth="1"/>
    <col min="6147" max="6147" width="1.75" style="113" customWidth="1"/>
    <col min="6148" max="6148" width="8.875" style="113"/>
    <col min="6149" max="6149" width="5" style="113" customWidth="1"/>
    <col min="6150" max="6150" width="1.625" style="113" customWidth="1"/>
    <col min="6151" max="6151" width="3.875" style="113" customWidth="1"/>
    <col min="6152" max="6152" width="2.125" style="113" customWidth="1"/>
    <col min="6153" max="6154" width="4" style="113" customWidth="1"/>
    <col min="6155" max="6155" width="13.75" style="113" customWidth="1"/>
    <col min="6156" max="6156" width="1.5" style="113" customWidth="1"/>
    <col min="6157" max="6157" width="3.5" style="113" customWidth="1"/>
    <col min="6158" max="6158" width="1.625" style="113" customWidth="1"/>
    <col min="6159" max="6159" width="72.5" style="113" customWidth="1"/>
    <col min="6160" max="6160" width="8.375" style="113" customWidth="1"/>
    <col min="6161" max="6164" width="0" style="113" hidden="1" customWidth="1"/>
    <col min="6165" max="6175" width="8.875" style="113"/>
    <col min="6176" max="6179" width="0" style="113" hidden="1" customWidth="1"/>
    <col min="6180" max="6187" width="10" style="113" customWidth="1"/>
    <col min="6188" max="6394" width="8.875" style="113"/>
    <col min="6395" max="6395" width="7.5" style="113" customWidth="1"/>
    <col min="6396" max="6396" width="16" style="113" customWidth="1"/>
    <col min="6397" max="6397" width="12.25" style="113" customWidth="1"/>
    <col min="6398" max="6398" width="6.125" style="113" customWidth="1"/>
    <col min="6399" max="6399" width="1.75" style="113" customWidth="1"/>
    <col min="6400" max="6400" width="7.25" style="113" customWidth="1"/>
    <col min="6401" max="6401" width="4.125" style="113" customWidth="1"/>
    <col min="6402" max="6402" width="5.75" style="113" customWidth="1"/>
    <col min="6403" max="6403" width="1.75" style="113" customWidth="1"/>
    <col min="6404" max="6404" width="8.875" style="113"/>
    <col min="6405" max="6405" width="5" style="113" customWidth="1"/>
    <col min="6406" max="6406" width="1.625" style="113" customWidth="1"/>
    <col min="6407" max="6407" width="3.875" style="113" customWidth="1"/>
    <col min="6408" max="6408" width="2.125" style="113" customWidth="1"/>
    <col min="6409" max="6410" width="4" style="113" customWidth="1"/>
    <col min="6411" max="6411" width="13.75" style="113" customWidth="1"/>
    <col min="6412" max="6412" width="1.5" style="113" customWidth="1"/>
    <col min="6413" max="6413" width="3.5" style="113" customWidth="1"/>
    <col min="6414" max="6414" width="1.625" style="113" customWidth="1"/>
    <col min="6415" max="6415" width="72.5" style="113" customWidth="1"/>
    <col min="6416" max="6416" width="8.375" style="113" customWidth="1"/>
    <col min="6417" max="6420" width="0" style="113" hidden="1" customWidth="1"/>
    <col min="6421" max="6431" width="8.875" style="113"/>
    <col min="6432" max="6435" width="0" style="113" hidden="1" customWidth="1"/>
    <col min="6436" max="6443" width="10" style="113" customWidth="1"/>
    <col min="6444" max="6650" width="8.875" style="113"/>
    <col min="6651" max="6651" width="7.5" style="113" customWidth="1"/>
    <col min="6652" max="6652" width="16" style="113" customWidth="1"/>
    <col min="6653" max="6653" width="12.25" style="113" customWidth="1"/>
    <col min="6654" max="6654" width="6.125" style="113" customWidth="1"/>
    <col min="6655" max="6655" width="1.75" style="113" customWidth="1"/>
    <col min="6656" max="6656" width="7.25" style="113" customWidth="1"/>
    <col min="6657" max="6657" width="4.125" style="113" customWidth="1"/>
    <col min="6658" max="6658" width="5.75" style="113" customWidth="1"/>
    <col min="6659" max="6659" width="1.75" style="113" customWidth="1"/>
    <col min="6660" max="6660" width="8.875" style="113"/>
    <col min="6661" max="6661" width="5" style="113" customWidth="1"/>
    <col min="6662" max="6662" width="1.625" style="113" customWidth="1"/>
    <col min="6663" max="6663" width="3.875" style="113" customWidth="1"/>
    <col min="6664" max="6664" width="2.125" style="113" customWidth="1"/>
    <col min="6665" max="6666" width="4" style="113" customWidth="1"/>
    <col min="6667" max="6667" width="13.75" style="113" customWidth="1"/>
    <col min="6668" max="6668" width="1.5" style="113" customWidth="1"/>
    <col min="6669" max="6669" width="3.5" style="113" customWidth="1"/>
    <col min="6670" max="6670" width="1.625" style="113" customWidth="1"/>
    <col min="6671" max="6671" width="72.5" style="113" customWidth="1"/>
    <col min="6672" max="6672" width="8.375" style="113" customWidth="1"/>
    <col min="6673" max="6676" width="0" style="113" hidden="1" customWidth="1"/>
    <col min="6677" max="6687" width="8.875" style="113"/>
    <col min="6688" max="6691" width="0" style="113" hidden="1" customWidth="1"/>
    <col min="6692" max="6699" width="10" style="113" customWidth="1"/>
    <col min="6700" max="6906" width="8.875" style="113"/>
    <col min="6907" max="6907" width="7.5" style="113" customWidth="1"/>
    <col min="6908" max="6908" width="16" style="113" customWidth="1"/>
    <col min="6909" max="6909" width="12.25" style="113" customWidth="1"/>
    <col min="6910" max="6910" width="6.125" style="113" customWidth="1"/>
    <col min="6911" max="6911" width="1.75" style="113" customWidth="1"/>
    <col min="6912" max="6912" width="7.25" style="113" customWidth="1"/>
    <col min="6913" max="6913" width="4.125" style="113" customWidth="1"/>
    <col min="6914" max="6914" width="5.75" style="113" customWidth="1"/>
    <col min="6915" max="6915" width="1.75" style="113" customWidth="1"/>
    <col min="6916" max="6916" width="8.875" style="113"/>
    <col min="6917" max="6917" width="5" style="113" customWidth="1"/>
    <col min="6918" max="6918" width="1.625" style="113" customWidth="1"/>
    <col min="6919" max="6919" width="3.875" style="113" customWidth="1"/>
    <col min="6920" max="6920" width="2.125" style="113" customWidth="1"/>
    <col min="6921" max="6922" width="4" style="113" customWidth="1"/>
    <col min="6923" max="6923" width="13.75" style="113" customWidth="1"/>
    <col min="6924" max="6924" width="1.5" style="113" customWidth="1"/>
    <col min="6925" max="6925" width="3.5" style="113" customWidth="1"/>
    <col min="6926" max="6926" width="1.625" style="113" customWidth="1"/>
    <col min="6927" max="6927" width="72.5" style="113" customWidth="1"/>
    <col min="6928" max="6928" width="8.375" style="113" customWidth="1"/>
    <col min="6929" max="6932" width="0" style="113" hidden="1" customWidth="1"/>
    <col min="6933" max="6943" width="8.875" style="113"/>
    <col min="6944" max="6947" width="0" style="113" hidden="1" customWidth="1"/>
    <col min="6948" max="6955" width="10" style="113" customWidth="1"/>
    <col min="6956" max="7162" width="8.875" style="113"/>
    <col min="7163" max="7163" width="7.5" style="113" customWidth="1"/>
    <col min="7164" max="7164" width="16" style="113" customWidth="1"/>
    <col min="7165" max="7165" width="12.25" style="113" customWidth="1"/>
    <col min="7166" max="7166" width="6.125" style="113" customWidth="1"/>
    <col min="7167" max="7167" width="1.75" style="113" customWidth="1"/>
    <col min="7168" max="7168" width="7.25" style="113" customWidth="1"/>
    <col min="7169" max="7169" width="4.125" style="113" customWidth="1"/>
    <col min="7170" max="7170" width="5.75" style="113" customWidth="1"/>
    <col min="7171" max="7171" width="1.75" style="113" customWidth="1"/>
    <col min="7172" max="7172" width="8.875" style="113"/>
    <col min="7173" max="7173" width="5" style="113" customWidth="1"/>
    <col min="7174" max="7174" width="1.625" style="113" customWidth="1"/>
    <col min="7175" max="7175" width="3.875" style="113" customWidth="1"/>
    <col min="7176" max="7176" width="2.125" style="113" customWidth="1"/>
    <col min="7177" max="7178" width="4" style="113" customWidth="1"/>
    <col min="7179" max="7179" width="13.75" style="113" customWidth="1"/>
    <col min="7180" max="7180" width="1.5" style="113" customWidth="1"/>
    <col min="7181" max="7181" width="3.5" style="113" customWidth="1"/>
    <col min="7182" max="7182" width="1.625" style="113" customWidth="1"/>
    <col min="7183" max="7183" width="72.5" style="113" customWidth="1"/>
    <col min="7184" max="7184" width="8.375" style="113" customWidth="1"/>
    <col min="7185" max="7188" width="0" style="113" hidden="1" customWidth="1"/>
    <col min="7189" max="7199" width="8.875" style="113"/>
    <col min="7200" max="7203" width="0" style="113" hidden="1" customWidth="1"/>
    <col min="7204" max="7211" width="10" style="113" customWidth="1"/>
    <col min="7212" max="7418" width="8.875" style="113"/>
    <col min="7419" max="7419" width="7.5" style="113" customWidth="1"/>
    <col min="7420" max="7420" width="16" style="113" customWidth="1"/>
    <col min="7421" max="7421" width="12.25" style="113" customWidth="1"/>
    <col min="7422" max="7422" width="6.125" style="113" customWidth="1"/>
    <col min="7423" max="7423" width="1.75" style="113" customWidth="1"/>
    <col min="7424" max="7424" width="7.25" style="113" customWidth="1"/>
    <col min="7425" max="7425" width="4.125" style="113" customWidth="1"/>
    <col min="7426" max="7426" width="5.75" style="113" customWidth="1"/>
    <col min="7427" max="7427" width="1.75" style="113" customWidth="1"/>
    <col min="7428" max="7428" width="8.875" style="113"/>
    <col min="7429" max="7429" width="5" style="113" customWidth="1"/>
    <col min="7430" max="7430" width="1.625" style="113" customWidth="1"/>
    <col min="7431" max="7431" width="3.875" style="113" customWidth="1"/>
    <col min="7432" max="7432" width="2.125" style="113" customWidth="1"/>
    <col min="7433" max="7434" width="4" style="113" customWidth="1"/>
    <col min="7435" max="7435" width="13.75" style="113" customWidth="1"/>
    <col min="7436" max="7436" width="1.5" style="113" customWidth="1"/>
    <col min="7437" max="7437" width="3.5" style="113" customWidth="1"/>
    <col min="7438" max="7438" width="1.625" style="113" customWidth="1"/>
    <col min="7439" max="7439" width="72.5" style="113" customWidth="1"/>
    <col min="7440" max="7440" width="8.375" style="113" customWidth="1"/>
    <col min="7441" max="7444" width="0" style="113" hidden="1" customWidth="1"/>
    <col min="7445" max="7455" width="8.875" style="113"/>
    <col min="7456" max="7459" width="0" style="113" hidden="1" customWidth="1"/>
    <col min="7460" max="7467" width="10" style="113" customWidth="1"/>
    <col min="7468" max="7674" width="8.875" style="113"/>
    <col min="7675" max="7675" width="7.5" style="113" customWidth="1"/>
    <col min="7676" max="7676" width="16" style="113" customWidth="1"/>
    <col min="7677" max="7677" width="12.25" style="113" customWidth="1"/>
    <col min="7678" max="7678" width="6.125" style="113" customWidth="1"/>
    <col min="7679" max="7679" width="1.75" style="113" customWidth="1"/>
    <col min="7680" max="7680" width="7.25" style="113" customWidth="1"/>
    <col min="7681" max="7681" width="4.125" style="113" customWidth="1"/>
    <col min="7682" max="7682" width="5.75" style="113" customWidth="1"/>
    <col min="7683" max="7683" width="1.75" style="113" customWidth="1"/>
    <col min="7684" max="7684" width="8.875" style="113"/>
    <col min="7685" max="7685" width="5" style="113" customWidth="1"/>
    <col min="7686" max="7686" width="1.625" style="113" customWidth="1"/>
    <col min="7687" max="7687" width="3.875" style="113" customWidth="1"/>
    <col min="7688" max="7688" width="2.125" style="113" customWidth="1"/>
    <col min="7689" max="7690" width="4" style="113" customWidth="1"/>
    <col min="7691" max="7691" width="13.75" style="113" customWidth="1"/>
    <col min="7692" max="7692" width="1.5" style="113" customWidth="1"/>
    <col min="7693" max="7693" width="3.5" style="113" customWidth="1"/>
    <col min="7694" max="7694" width="1.625" style="113" customWidth="1"/>
    <col min="7695" max="7695" width="72.5" style="113" customWidth="1"/>
    <col min="7696" max="7696" width="8.375" style="113" customWidth="1"/>
    <col min="7697" max="7700" width="0" style="113" hidden="1" customWidth="1"/>
    <col min="7701" max="7711" width="8.875" style="113"/>
    <col min="7712" max="7715" width="0" style="113" hidden="1" customWidth="1"/>
    <col min="7716" max="7723" width="10" style="113" customWidth="1"/>
    <col min="7724" max="7930" width="8.875" style="113"/>
    <col min="7931" max="7931" width="7.5" style="113" customWidth="1"/>
    <col min="7932" max="7932" width="16" style="113" customWidth="1"/>
    <col min="7933" max="7933" width="12.25" style="113" customWidth="1"/>
    <col min="7934" max="7934" width="6.125" style="113" customWidth="1"/>
    <col min="7935" max="7935" width="1.75" style="113" customWidth="1"/>
    <col min="7936" max="7936" width="7.25" style="113" customWidth="1"/>
    <col min="7937" max="7937" width="4.125" style="113" customWidth="1"/>
    <col min="7938" max="7938" width="5.75" style="113" customWidth="1"/>
    <col min="7939" max="7939" width="1.75" style="113" customWidth="1"/>
    <col min="7940" max="7940" width="8.875" style="113"/>
    <col min="7941" max="7941" width="5" style="113" customWidth="1"/>
    <col min="7942" max="7942" width="1.625" style="113" customWidth="1"/>
    <col min="7943" max="7943" width="3.875" style="113" customWidth="1"/>
    <col min="7944" max="7944" width="2.125" style="113" customWidth="1"/>
    <col min="7945" max="7946" width="4" style="113" customWidth="1"/>
    <col min="7947" max="7947" width="13.75" style="113" customWidth="1"/>
    <col min="7948" max="7948" width="1.5" style="113" customWidth="1"/>
    <col min="7949" max="7949" width="3.5" style="113" customWidth="1"/>
    <col min="7950" max="7950" width="1.625" style="113" customWidth="1"/>
    <col min="7951" max="7951" width="72.5" style="113" customWidth="1"/>
    <col min="7952" max="7952" width="8.375" style="113" customWidth="1"/>
    <col min="7953" max="7956" width="0" style="113" hidden="1" customWidth="1"/>
    <col min="7957" max="7967" width="8.875" style="113"/>
    <col min="7968" max="7971" width="0" style="113" hidden="1" customWidth="1"/>
    <col min="7972" max="7979" width="10" style="113" customWidth="1"/>
    <col min="7980" max="8186" width="8.875" style="113"/>
    <col min="8187" max="8187" width="7.5" style="113" customWidth="1"/>
    <col min="8188" max="8188" width="16" style="113" customWidth="1"/>
    <col min="8189" max="8189" width="12.25" style="113" customWidth="1"/>
    <col min="8190" max="8190" width="6.125" style="113" customWidth="1"/>
    <col min="8191" max="8191" width="1.75" style="113" customWidth="1"/>
    <col min="8192" max="8192" width="7.25" style="113" customWidth="1"/>
    <col min="8193" max="8193" width="4.125" style="113" customWidth="1"/>
    <col min="8194" max="8194" width="5.75" style="113" customWidth="1"/>
    <col min="8195" max="8195" width="1.75" style="113" customWidth="1"/>
    <col min="8196" max="8196" width="8.875" style="113"/>
    <col min="8197" max="8197" width="5" style="113" customWidth="1"/>
    <col min="8198" max="8198" width="1.625" style="113" customWidth="1"/>
    <col min="8199" max="8199" width="3.875" style="113" customWidth="1"/>
    <col min="8200" max="8200" width="2.125" style="113" customWidth="1"/>
    <col min="8201" max="8202" width="4" style="113" customWidth="1"/>
    <col min="8203" max="8203" width="13.75" style="113" customWidth="1"/>
    <col min="8204" max="8204" width="1.5" style="113" customWidth="1"/>
    <col min="8205" max="8205" width="3.5" style="113" customWidth="1"/>
    <col min="8206" max="8206" width="1.625" style="113" customWidth="1"/>
    <col min="8207" max="8207" width="72.5" style="113" customWidth="1"/>
    <col min="8208" max="8208" width="8.375" style="113" customWidth="1"/>
    <col min="8209" max="8212" width="0" style="113" hidden="1" customWidth="1"/>
    <col min="8213" max="8223" width="8.875" style="113"/>
    <col min="8224" max="8227" width="0" style="113" hidden="1" customWidth="1"/>
    <col min="8228" max="8235" width="10" style="113" customWidth="1"/>
    <col min="8236" max="8442" width="8.875" style="113"/>
    <col min="8443" max="8443" width="7.5" style="113" customWidth="1"/>
    <col min="8444" max="8444" width="16" style="113" customWidth="1"/>
    <col min="8445" max="8445" width="12.25" style="113" customWidth="1"/>
    <col min="8446" max="8446" width="6.125" style="113" customWidth="1"/>
    <col min="8447" max="8447" width="1.75" style="113" customWidth="1"/>
    <col min="8448" max="8448" width="7.25" style="113" customWidth="1"/>
    <col min="8449" max="8449" width="4.125" style="113" customWidth="1"/>
    <col min="8450" max="8450" width="5.75" style="113" customWidth="1"/>
    <col min="8451" max="8451" width="1.75" style="113" customWidth="1"/>
    <col min="8452" max="8452" width="8.875" style="113"/>
    <col min="8453" max="8453" width="5" style="113" customWidth="1"/>
    <col min="8454" max="8454" width="1.625" style="113" customWidth="1"/>
    <col min="8455" max="8455" width="3.875" style="113" customWidth="1"/>
    <col min="8456" max="8456" width="2.125" style="113" customWidth="1"/>
    <col min="8457" max="8458" width="4" style="113" customWidth="1"/>
    <col min="8459" max="8459" width="13.75" style="113" customWidth="1"/>
    <col min="8460" max="8460" width="1.5" style="113" customWidth="1"/>
    <col min="8461" max="8461" width="3.5" style="113" customWidth="1"/>
    <col min="8462" max="8462" width="1.625" style="113" customWidth="1"/>
    <col min="8463" max="8463" width="72.5" style="113" customWidth="1"/>
    <col min="8464" max="8464" width="8.375" style="113" customWidth="1"/>
    <col min="8465" max="8468" width="0" style="113" hidden="1" customWidth="1"/>
    <col min="8469" max="8479" width="8.875" style="113"/>
    <col min="8480" max="8483" width="0" style="113" hidden="1" customWidth="1"/>
    <col min="8484" max="8491" width="10" style="113" customWidth="1"/>
    <col min="8492" max="8698" width="8.875" style="113"/>
    <col min="8699" max="8699" width="7.5" style="113" customWidth="1"/>
    <col min="8700" max="8700" width="16" style="113" customWidth="1"/>
    <col min="8701" max="8701" width="12.25" style="113" customWidth="1"/>
    <col min="8702" max="8702" width="6.125" style="113" customWidth="1"/>
    <col min="8703" max="8703" width="1.75" style="113" customWidth="1"/>
    <col min="8704" max="8704" width="7.25" style="113" customWidth="1"/>
    <col min="8705" max="8705" width="4.125" style="113" customWidth="1"/>
    <col min="8706" max="8706" width="5.75" style="113" customWidth="1"/>
    <col min="8707" max="8707" width="1.75" style="113" customWidth="1"/>
    <col min="8708" max="8708" width="8.875" style="113"/>
    <col min="8709" max="8709" width="5" style="113" customWidth="1"/>
    <col min="8710" max="8710" width="1.625" style="113" customWidth="1"/>
    <col min="8711" max="8711" width="3.875" style="113" customWidth="1"/>
    <col min="8712" max="8712" width="2.125" style="113" customWidth="1"/>
    <col min="8713" max="8714" width="4" style="113" customWidth="1"/>
    <col min="8715" max="8715" width="13.75" style="113" customWidth="1"/>
    <col min="8716" max="8716" width="1.5" style="113" customWidth="1"/>
    <col min="8717" max="8717" width="3.5" style="113" customWidth="1"/>
    <col min="8718" max="8718" width="1.625" style="113" customWidth="1"/>
    <col min="8719" max="8719" width="72.5" style="113" customWidth="1"/>
    <col min="8720" max="8720" width="8.375" style="113" customWidth="1"/>
    <col min="8721" max="8724" width="0" style="113" hidden="1" customWidth="1"/>
    <col min="8725" max="8735" width="8.875" style="113"/>
    <col min="8736" max="8739" width="0" style="113" hidden="1" customWidth="1"/>
    <col min="8740" max="8747" width="10" style="113" customWidth="1"/>
    <col min="8748" max="8954" width="8.875" style="113"/>
    <col min="8955" max="8955" width="7.5" style="113" customWidth="1"/>
    <col min="8956" max="8956" width="16" style="113" customWidth="1"/>
    <col min="8957" max="8957" width="12.25" style="113" customWidth="1"/>
    <col min="8958" max="8958" width="6.125" style="113" customWidth="1"/>
    <col min="8959" max="8959" width="1.75" style="113" customWidth="1"/>
    <col min="8960" max="8960" width="7.25" style="113" customWidth="1"/>
    <col min="8961" max="8961" width="4.125" style="113" customWidth="1"/>
    <col min="8962" max="8962" width="5.75" style="113" customWidth="1"/>
    <col min="8963" max="8963" width="1.75" style="113" customWidth="1"/>
    <col min="8964" max="8964" width="8.875" style="113"/>
    <col min="8965" max="8965" width="5" style="113" customWidth="1"/>
    <col min="8966" max="8966" width="1.625" style="113" customWidth="1"/>
    <col min="8967" max="8967" width="3.875" style="113" customWidth="1"/>
    <col min="8968" max="8968" width="2.125" style="113" customWidth="1"/>
    <col min="8969" max="8970" width="4" style="113" customWidth="1"/>
    <col min="8971" max="8971" width="13.75" style="113" customWidth="1"/>
    <col min="8972" max="8972" width="1.5" style="113" customWidth="1"/>
    <col min="8973" max="8973" width="3.5" style="113" customWidth="1"/>
    <col min="8974" max="8974" width="1.625" style="113" customWidth="1"/>
    <col min="8975" max="8975" width="72.5" style="113" customWidth="1"/>
    <col min="8976" max="8976" width="8.375" style="113" customWidth="1"/>
    <col min="8977" max="8980" width="0" style="113" hidden="1" customWidth="1"/>
    <col min="8981" max="8991" width="8.875" style="113"/>
    <col min="8992" max="8995" width="0" style="113" hidden="1" customWidth="1"/>
    <col min="8996" max="9003" width="10" style="113" customWidth="1"/>
    <col min="9004" max="9210" width="8.875" style="113"/>
    <col min="9211" max="9211" width="7.5" style="113" customWidth="1"/>
    <col min="9212" max="9212" width="16" style="113" customWidth="1"/>
    <col min="9213" max="9213" width="12.25" style="113" customWidth="1"/>
    <col min="9214" max="9214" width="6.125" style="113" customWidth="1"/>
    <col min="9215" max="9215" width="1.75" style="113" customWidth="1"/>
    <col min="9216" max="9216" width="7.25" style="113" customWidth="1"/>
    <col min="9217" max="9217" width="4.125" style="113" customWidth="1"/>
    <col min="9218" max="9218" width="5.75" style="113" customWidth="1"/>
    <col min="9219" max="9219" width="1.75" style="113" customWidth="1"/>
    <col min="9220" max="9220" width="8.875" style="113"/>
    <col min="9221" max="9221" width="5" style="113" customWidth="1"/>
    <col min="9222" max="9222" width="1.625" style="113" customWidth="1"/>
    <col min="9223" max="9223" width="3.875" style="113" customWidth="1"/>
    <col min="9224" max="9224" width="2.125" style="113" customWidth="1"/>
    <col min="9225" max="9226" width="4" style="113" customWidth="1"/>
    <col min="9227" max="9227" width="13.75" style="113" customWidth="1"/>
    <col min="9228" max="9228" width="1.5" style="113" customWidth="1"/>
    <col min="9229" max="9229" width="3.5" style="113" customWidth="1"/>
    <col min="9230" max="9230" width="1.625" style="113" customWidth="1"/>
    <col min="9231" max="9231" width="72.5" style="113" customWidth="1"/>
    <col min="9232" max="9232" width="8.375" style="113" customWidth="1"/>
    <col min="9233" max="9236" width="0" style="113" hidden="1" customWidth="1"/>
    <col min="9237" max="9247" width="8.875" style="113"/>
    <col min="9248" max="9251" width="0" style="113" hidden="1" customWidth="1"/>
    <col min="9252" max="9259" width="10" style="113" customWidth="1"/>
    <col min="9260" max="9466" width="8.875" style="113"/>
    <col min="9467" max="9467" width="7.5" style="113" customWidth="1"/>
    <col min="9468" max="9468" width="16" style="113" customWidth="1"/>
    <col min="9469" max="9469" width="12.25" style="113" customWidth="1"/>
    <col min="9470" max="9470" width="6.125" style="113" customWidth="1"/>
    <col min="9471" max="9471" width="1.75" style="113" customWidth="1"/>
    <col min="9472" max="9472" width="7.25" style="113" customWidth="1"/>
    <col min="9473" max="9473" width="4.125" style="113" customWidth="1"/>
    <col min="9474" max="9474" width="5.75" style="113" customWidth="1"/>
    <col min="9475" max="9475" width="1.75" style="113" customWidth="1"/>
    <col min="9476" max="9476" width="8.875" style="113"/>
    <col min="9477" max="9477" width="5" style="113" customWidth="1"/>
    <col min="9478" max="9478" width="1.625" style="113" customWidth="1"/>
    <col min="9479" max="9479" width="3.875" style="113" customWidth="1"/>
    <col min="9480" max="9480" width="2.125" style="113" customWidth="1"/>
    <col min="9481" max="9482" width="4" style="113" customWidth="1"/>
    <col min="9483" max="9483" width="13.75" style="113" customWidth="1"/>
    <col min="9484" max="9484" width="1.5" style="113" customWidth="1"/>
    <col min="9485" max="9485" width="3.5" style="113" customWidth="1"/>
    <col min="9486" max="9486" width="1.625" style="113" customWidth="1"/>
    <col min="9487" max="9487" width="72.5" style="113" customWidth="1"/>
    <col min="9488" max="9488" width="8.375" style="113" customWidth="1"/>
    <col min="9489" max="9492" width="0" style="113" hidden="1" customWidth="1"/>
    <col min="9493" max="9503" width="8.875" style="113"/>
    <col min="9504" max="9507" width="0" style="113" hidden="1" customWidth="1"/>
    <col min="9508" max="9515" width="10" style="113" customWidth="1"/>
    <col min="9516" max="9722" width="8.875" style="113"/>
    <col min="9723" max="9723" width="7.5" style="113" customWidth="1"/>
    <col min="9724" max="9724" width="16" style="113" customWidth="1"/>
    <col min="9725" max="9725" width="12.25" style="113" customWidth="1"/>
    <col min="9726" max="9726" width="6.125" style="113" customWidth="1"/>
    <col min="9727" max="9727" width="1.75" style="113" customWidth="1"/>
    <col min="9728" max="9728" width="7.25" style="113" customWidth="1"/>
    <col min="9729" max="9729" width="4.125" style="113" customWidth="1"/>
    <col min="9730" max="9730" width="5.75" style="113" customWidth="1"/>
    <col min="9731" max="9731" width="1.75" style="113" customWidth="1"/>
    <col min="9732" max="9732" width="8.875" style="113"/>
    <col min="9733" max="9733" width="5" style="113" customWidth="1"/>
    <col min="9734" max="9734" width="1.625" style="113" customWidth="1"/>
    <col min="9735" max="9735" width="3.875" style="113" customWidth="1"/>
    <col min="9736" max="9736" width="2.125" style="113" customWidth="1"/>
    <col min="9737" max="9738" width="4" style="113" customWidth="1"/>
    <col min="9739" max="9739" width="13.75" style="113" customWidth="1"/>
    <col min="9740" max="9740" width="1.5" style="113" customWidth="1"/>
    <col min="9741" max="9741" width="3.5" style="113" customWidth="1"/>
    <col min="9742" max="9742" width="1.625" style="113" customWidth="1"/>
    <col min="9743" max="9743" width="72.5" style="113" customWidth="1"/>
    <col min="9744" max="9744" width="8.375" style="113" customWidth="1"/>
    <col min="9745" max="9748" width="0" style="113" hidden="1" customWidth="1"/>
    <col min="9749" max="9759" width="8.875" style="113"/>
    <col min="9760" max="9763" width="0" style="113" hidden="1" customWidth="1"/>
    <col min="9764" max="9771" width="10" style="113" customWidth="1"/>
    <col min="9772" max="9978" width="8.875" style="113"/>
    <col min="9979" max="9979" width="7.5" style="113" customWidth="1"/>
    <col min="9980" max="9980" width="16" style="113" customWidth="1"/>
    <col min="9981" max="9981" width="12.25" style="113" customWidth="1"/>
    <col min="9982" max="9982" width="6.125" style="113" customWidth="1"/>
    <col min="9983" max="9983" width="1.75" style="113" customWidth="1"/>
    <col min="9984" max="9984" width="7.25" style="113" customWidth="1"/>
    <col min="9985" max="9985" width="4.125" style="113" customWidth="1"/>
    <col min="9986" max="9986" width="5.75" style="113" customWidth="1"/>
    <col min="9987" max="9987" width="1.75" style="113" customWidth="1"/>
    <col min="9988" max="9988" width="8.875" style="113"/>
    <col min="9989" max="9989" width="5" style="113" customWidth="1"/>
    <col min="9990" max="9990" width="1.625" style="113" customWidth="1"/>
    <col min="9991" max="9991" width="3.875" style="113" customWidth="1"/>
    <col min="9992" max="9992" width="2.125" style="113" customWidth="1"/>
    <col min="9993" max="9994" width="4" style="113" customWidth="1"/>
    <col min="9995" max="9995" width="13.75" style="113" customWidth="1"/>
    <col min="9996" max="9996" width="1.5" style="113" customWidth="1"/>
    <col min="9997" max="9997" width="3.5" style="113" customWidth="1"/>
    <col min="9998" max="9998" width="1.625" style="113" customWidth="1"/>
    <col min="9999" max="9999" width="72.5" style="113" customWidth="1"/>
    <col min="10000" max="10000" width="8.375" style="113" customWidth="1"/>
    <col min="10001" max="10004" width="0" style="113" hidden="1" customWidth="1"/>
    <col min="10005" max="10015" width="8.875" style="113"/>
    <col min="10016" max="10019" width="0" style="113" hidden="1" customWidth="1"/>
    <col min="10020" max="10027" width="10" style="113" customWidth="1"/>
    <col min="10028" max="10234" width="8.875" style="113"/>
    <col min="10235" max="10235" width="7.5" style="113" customWidth="1"/>
    <col min="10236" max="10236" width="16" style="113" customWidth="1"/>
    <col min="10237" max="10237" width="12.25" style="113" customWidth="1"/>
    <col min="10238" max="10238" width="6.125" style="113" customWidth="1"/>
    <col min="10239" max="10239" width="1.75" style="113" customWidth="1"/>
    <col min="10240" max="10240" width="7.25" style="113" customWidth="1"/>
    <col min="10241" max="10241" width="4.125" style="113" customWidth="1"/>
    <col min="10242" max="10242" width="5.75" style="113" customWidth="1"/>
    <col min="10243" max="10243" width="1.75" style="113" customWidth="1"/>
    <col min="10244" max="10244" width="8.875" style="113"/>
    <col min="10245" max="10245" width="5" style="113" customWidth="1"/>
    <col min="10246" max="10246" width="1.625" style="113" customWidth="1"/>
    <col min="10247" max="10247" width="3.875" style="113" customWidth="1"/>
    <col min="10248" max="10248" width="2.125" style="113" customWidth="1"/>
    <col min="10249" max="10250" width="4" style="113" customWidth="1"/>
    <col min="10251" max="10251" width="13.75" style="113" customWidth="1"/>
    <col min="10252" max="10252" width="1.5" style="113" customWidth="1"/>
    <col min="10253" max="10253" width="3.5" style="113" customWidth="1"/>
    <col min="10254" max="10254" width="1.625" style="113" customWidth="1"/>
    <col min="10255" max="10255" width="72.5" style="113" customWidth="1"/>
    <col min="10256" max="10256" width="8.375" style="113" customWidth="1"/>
    <col min="10257" max="10260" width="0" style="113" hidden="1" customWidth="1"/>
    <col min="10261" max="10271" width="8.875" style="113"/>
    <col min="10272" max="10275" width="0" style="113" hidden="1" customWidth="1"/>
    <col min="10276" max="10283" width="10" style="113" customWidth="1"/>
    <col min="10284" max="10490" width="8.875" style="113"/>
    <col min="10491" max="10491" width="7.5" style="113" customWidth="1"/>
    <col min="10492" max="10492" width="16" style="113" customWidth="1"/>
    <col min="10493" max="10493" width="12.25" style="113" customWidth="1"/>
    <col min="10494" max="10494" width="6.125" style="113" customWidth="1"/>
    <col min="10495" max="10495" width="1.75" style="113" customWidth="1"/>
    <col min="10496" max="10496" width="7.25" style="113" customWidth="1"/>
    <col min="10497" max="10497" width="4.125" style="113" customWidth="1"/>
    <col min="10498" max="10498" width="5.75" style="113" customWidth="1"/>
    <col min="10499" max="10499" width="1.75" style="113" customWidth="1"/>
    <col min="10500" max="10500" width="8.875" style="113"/>
    <col min="10501" max="10501" width="5" style="113" customWidth="1"/>
    <col min="10502" max="10502" width="1.625" style="113" customWidth="1"/>
    <col min="10503" max="10503" width="3.875" style="113" customWidth="1"/>
    <col min="10504" max="10504" width="2.125" style="113" customWidth="1"/>
    <col min="10505" max="10506" width="4" style="113" customWidth="1"/>
    <col min="10507" max="10507" width="13.75" style="113" customWidth="1"/>
    <col min="10508" max="10508" width="1.5" style="113" customWidth="1"/>
    <col min="10509" max="10509" width="3.5" style="113" customWidth="1"/>
    <col min="10510" max="10510" width="1.625" style="113" customWidth="1"/>
    <col min="10511" max="10511" width="72.5" style="113" customWidth="1"/>
    <col min="10512" max="10512" width="8.375" style="113" customWidth="1"/>
    <col min="10513" max="10516" width="0" style="113" hidden="1" customWidth="1"/>
    <col min="10517" max="10527" width="8.875" style="113"/>
    <col min="10528" max="10531" width="0" style="113" hidden="1" customWidth="1"/>
    <col min="10532" max="10539" width="10" style="113" customWidth="1"/>
    <col min="10540" max="10746" width="8.875" style="113"/>
    <col min="10747" max="10747" width="7.5" style="113" customWidth="1"/>
    <col min="10748" max="10748" width="16" style="113" customWidth="1"/>
    <col min="10749" max="10749" width="12.25" style="113" customWidth="1"/>
    <col min="10750" max="10750" width="6.125" style="113" customWidth="1"/>
    <col min="10751" max="10751" width="1.75" style="113" customWidth="1"/>
    <col min="10752" max="10752" width="7.25" style="113" customWidth="1"/>
    <col min="10753" max="10753" width="4.125" style="113" customWidth="1"/>
    <col min="10754" max="10754" width="5.75" style="113" customWidth="1"/>
    <col min="10755" max="10755" width="1.75" style="113" customWidth="1"/>
    <col min="10756" max="10756" width="8.875" style="113"/>
    <col min="10757" max="10757" width="5" style="113" customWidth="1"/>
    <col min="10758" max="10758" width="1.625" style="113" customWidth="1"/>
    <col min="10759" max="10759" width="3.875" style="113" customWidth="1"/>
    <col min="10760" max="10760" width="2.125" style="113" customWidth="1"/>
    <col min="10761" max="10762" width="4" style="113" customWidth="1"/>
    <col min="10763" max="10763" width="13.75" style="113" customWidth="1"/>
    <col min="10764" max="10764" width="1.5" style="113" customWidth="1"/>
    <col min="10765" max="10765" width="3.5" style="113" customWidth="1"/>
    <col min="10766" max="10766" width="1.625" style="113" customWidth="1"/>
    <col min="10767" max="10767" width="72.5" style="113" customWidth="1"/>
    <col min="10768" max="10768" width="8.375" style="113" customWidth="1"/>
    <col min="10769" max="10772" width="0" style="113" hidden="1" customWidth="1"/>
    <col min="10773" max="10783" width="8.875" style="113"/>
    <col min="10784" max="10787" width="0" style="113" hidden="1" customWidth="1"/>
    <col min="10788" max="10795" width="10" style="113" customWidth="1"/>
    <col min="10796" max="11002" width="8.875" style="113"/>
    <col min="11003" max="11003" width="7.5" style="113" customWidth="1"/>
    <col min="11004" max="11004" width="16" style="113" customWidth="1"/>
    <col min="11005" max="11005" width="12.25" style="113" customWidth="1"/>
    <col min="11006" max="11006" width="6.125" style="113" customWidth="1"/>
    <col min="11007" max="11007" width="1.75" style="113" customWidth="1"/>
    <col min="11008" max="11008" width="7.25" style="113" customWidth="1"/>
    <col min="11009" max="11009" width="4.125" style="113" customWidth="1"/>
    <col min="11010" max="11010" width="5.75" style="113" customWidth="1"/>
    <col min="11011" max="11011" width="1.75" style="113" customWidth="1"/>
    <col min="11012" max="11012" width="8.875" style="113"/>
    <col min="11013" max="11013" width="5" style="113" customWidth="1"/>
    <col min="11014" max="11014" width="1.625" style="113" customWidth="1"/>
    <col min="11015" max="11015" width="3.875" style="113" customWidth="1"/>
    <col min="11016" max="11016" width="2.125" style="113" customWidth="1"/>
    <col min="11017" max="11018" width="4" style="113" customWidth="1"/>
    <col min="11019" max="11019" width="13.75" style="113" customWidth="1"/>
    <col min="11020" max="11020" width="1.5" style="113" customWidth="1"/>
    <col min="11021" max="11021" width="3.5" style="113" customWidth="1"/>
    <col min="11022" max="11022" width="1.625" style="113" customWidth="1"/>
    <col min="11023" max="11023" width="72.5" style="113" customWidth="1"/>
    <col min="11024" max="11024" width="8.375" style="113" customWidth="1"/>
    <col min="11025" max="11028" width="0" style="113" hidden="1" customWidth="1"/>
    <col min="11029" max="11039" width="8.875" style="113"/>
    <col min="11040" max="11043" width="0" style="113" hidden="1" customWidth="1"/>
    <col min="11044" max="11051" width="10" style="113" customWidth="1"/>
    <col min="11052" max="11258" width="8.875" style="113"/>
    <col min="11259" max="11259" width="7.5" style="113" customWidth="1"/>
    <col min="11260" max="11260" width="16" style="113" customWidth="1"/>
    <col min="11261" max="11261" width="12.25" style="113" customWidth="1"/>
    <col min="11262" max="11262" width="6.125" style="113" customWidth="1"/>
    <col min="11263" max="11263" width="1.75" style="113" customWidth="1"/>
    <col min="11264" max="11264" width="7.25" style="113" customWidth="1"/>
    <col min="11265" max="11265" width="4.125" style="113" customWidth="1"/>
    <col min="11266" max="11266" width="5.75" style="113" customWidth="1"/>
    <col min="11267" max="11267" width="1.75" style="113" customWidth="1"/>
    <col min="11268" max="11268" width="8.875" style="113"/>
    <col min="11269" max="11269" width="5" style="113" customWidth="1"/>
    <col min="11270" max="11270" width="1.625" style="113" customWidth="1"/>
    <col min="11271" max="11271" width="3.875" style="113" customWidth="1"/>
    <col min="11272" max="11272" width="2.125" style="113" customWidth="1"/>
    <col min="11273" max="11274" width="4" style="113" customWidth="1"/>
    <col min="11275" max="11275" width="13.75" style="113" customWidth="1"/>
    <col min="11276" max="11276" width="1.5" style="113" customWidth="1"/>
    <col min="11277" max="11277" width="3.5" style="113" customWidth="1"/>
    <col min="11278" max="11278" width="1.625" style="113" customWidth="1"/>
    <col min="11279" max="11279" width="72.5" style="113" customWidth="1"/>
    <col min="11280" max="11280" width="8.375" style="113" customWidth="1"/>
    <col min="11281" max="11284" width="0" style="113" hidden="1" customWidth="1"/>
    <col min="11285" max="11295" width="8.875" style="113"/>
    <col min="11296" max="11299" width="0" style="113" hidden="1" customWidth="1"/>
    <col min="11300" max="11307" width="10" style="113" customWidth="1"/>
    <col min="11308" max="11514" width="8.875" style="113"/>
    <col min="11515" max="11515" width="7.5" style="113" customWidth="1"/>
    <col min="11516" max="11516" width="16" style="113" customWidth="1"/>
    <col min="11517" max="11517" width="12.25" style="113" customWidth="1"/>
    <col min="11518" max="11518" width="6.125" style="113" customWidth="1"/>
    <col min="11519" max="11519" width="1.75" style="113" customWidth="1"/>
    <col min="11520" max="11520" width="7.25" style="113" customWidth="1"/>
    <col min="11521" max="11521" width="4.125" style="113" customWidth="1"/>
    <col min="11522" max="11522" width="5.75" style="113" customWidth="1"/>
    <col min="11523" max="11523" width="1.75" style="113" customWidth="1"/>
    <col min="11524" max="11524" width="8.875" style="113"/>
    <col min="11525" max="11525" width="5" style="113" customWidth="1"/>
    <col min="11526" max="11526" width="1.625" style="113" customWidth="1"/>
    <col min="11527" max="11527" width="3.875" style="113" customWidth="1"/>
    <col min="11528" max="11528" width="2.125" style="113" customWidth="1"/>
    <col min="11529" max="11530" width="4" style="113" customWidth="1"/>
    <col min="11531" max="11531" width="13.75" style="113" customWidth="1"/>
    <col min="11532" max="11532" width="1.5" style="113" customWidth="1"/>
    <col min="11533" max="11533" width="3.5" style="113" customWidth="1"/>
    <col min="11534" max="11534" width="1.625" style="113" customWidth="1"/>
    <col min="11535" max="11535" width="72.5" style="113" customWidth="1"/>
    <col min="11536" max="11536" width="8.375" style="113" customWidth="1"/>
    <col min="11537" max="11540" width="0" style="113" hidden="1" customWidth="1"/>
    <col min="11541" max="11551" width="8.875" style="113"/>
    <col min="11552" max="11555" width="0" style="113" hidden="1" customWidth="1"/>
    <col min="11556" max="11563" width="10" style="113" customWidth="1"/>
    <col min="11564" max="11770" width="8.875" style="113"/>
    <col min="11771" max="11771" width="7.5" style="113" customWidth="1"/>
    <col min="11772" max="11772" width="16" style="113" customWidth="1"/>
    <col min="11773" max="11773" width="12.25" style="113" customWidth="1"/>
    <col min="11774" max="11774" width="6.125" style="113" customWidth="1"/>
    <col min="11775" max="11775" width="1.75" style="113" customWidth="1"/>
    <col min="11776" max="11776" width="7.25" style="113" customWidth="1"/>
    <col min="11777" max="11777" width="4.125" style="113" customWidth="1"/>
    <col min="11778" max="11778" width="5.75" style="113" customWidth="1"/>
    <col min="11779" max="11779" width="1.75" style="113" customWidth="1"/>
    <col min="11780" max="11780" width="8.875" style="113"/>
    <col min="11781" max="11781" width="5" style="113" customWidth="1"/>
    <col min="11782" max="11782" width="1.625" style="113" customWidth="1"/>
    <col min="11783" max="11783" width="3.875" style="113" customWidth="1"/>
    <col min="11784" max="11784" width="2.125" style="113" customWidth="1"/>
    <col min="11785" max="11786" width="4" style="113" customWidth="1"/>
    <col min="11787" max="11787" width="13.75" style="113" customWidth="1"/>
    <col min="11788" max="11788" width="1.5" style="113" customWidth="1"/>
    <col min="11789" max="11789" width="3.5" style="113" customWidth="1"/>
    <col min="11790" max="11790" width="1.625" style="113" customWidth="1"/>
    <col min="11791" max="11791" width="72.5" style="113" customWidth="1"/>
    <col min="11792" max="11792" width="8.375" style="113" customWidth="1"/>
    <col min="11793" max="11796" width="0" style="113" hidden="1" customWidth="1"/>
    <col min="11797" max="11807" width="8.875" style="113"/>
    <col min="11808" max="11811" width="0" style="113" hidden="1" customWidth="1"/>
    <col min="11812" max="11819" width="10" style="113" customWidth="1"/>
    <col min="11820" max="12026" width="8.875" style="113"/>
    <col min="12027" max="12027" width="7.5" style="113" customWidth="1"/>
    <col min="12028" max="12028" width="16" style="113" customWidth="1"/>
    <col min="12029" max="12029" width="12.25" style="113" customWidth="1"/>
    <col min="12030" max="12030" width="6.125" style="113" customWidth="1"/>
    <col min="12031" max="12031" width="1.75" style="113" customWidth="1"/>
    <col min="12032" max="12032" width="7.25" style="113" customWidth="1"/>
    <col min="12033" max="12033" width="4.125" style="113" customWidth="1"/>
    <col min="12034" max="12034" width="5.75" style="113" customWidth="1"/>
    <col min="12035" max="12035" width="1.75" style="113" customWidth="1"/>
    <col min="12036" max="12036" width="8.875" style="113"/>
    <col min="12037" max="12037" width="5" style="113" customWidth="1"/>
    <col min="12038" max="12038" width="1.625" style="113" customWidth="1"/>
    <col min="12039" max="12039" width="3.875" style="113" customWidth="1"/>
    <col min="12040" max="12040" width="2.125" style="113" customWidth="1"/>
    <col min="12041" max="12042" width="4" style="113" customWidth="1"/>
    <col min="12043" max="12043" width="13.75" style="113" customWidth="1"/>
    <col min="12044" max="12044" width="1.5" style="113" customWidth="1"/>
    <col min="12045" max="12045" width="3.5" style="113" customWidth="1"/>
    <col min="12046" max="12046" width="1.625" style="113" customWidth="1"/>
    <col min="12047" max="12047" width="72.5" style="113" customWidth="1"/>
    <col min="12048" max="12048" width="8.375" style="113" customWidth="1"/>
    <col min="12049" max="12052" width="0" style="113" hidden="1" customWidth="1"/>
    <col min="12053" max="12063" width="8.875" style="113"/>
    <col min="12064" max="12067" width="0" style="113" hidden="1" customWidth="1"/>
    <col min="12068" max="12075" width="10" style="113" customWidth="1"/>
    <col min="12076" max="12282" width="8.875" style="113"/>
    <col min="12283" max="12283" width="7.5" style="113" customWidth="1"/>
    <col min="12284" max="12284" width="16" style="113" customWidth="1"/>
    <col min="12285" max="12285" width="12.25" style="113" customWidth="1"/>
    <col min="12286" max="12286" width="6.125" style="113" customWidth="1"/>
    <col min="12287" max="12287" width="1.75" style="113" customWidth="1"/>
    <col min="12288" max="12288" width="7.25" style="113" customWidth="1"/>
    <col min="12289" max="12289" width="4.125" style="113" customWidth="1"/>
    <col min="12290" max="12290" width="5.75" style="113" customWidth="1"/>
    <col min="12291" max="12291" width="1.75" style="113" customWidth="1"/>
    <col min="12292" max="12292" width="8.875" style="113"/>
    <col min="12293" max="12293" width="5" style="113" customWidth="1"/>
    <col min="12294" max="12294" width="1.625" style="113" customWidth="1"/>
    <col min="12295" max="12295" width="3.875" style="113" customWidth="1"/>
    <col min="12296" max="12296" width="2.125" style="113" customWidth="1"/>
    <col min="12297" max="12298" width="4" style="113" customWidth="1"/>
    <col min="12299" max="12299" width="13.75" style="113" customWidth="1"/>
    <col min="12300" max="12300" width="1.5" style="113" customWidth="1"/>
    <col min="12301" max="12301" width="3.5" style="113" customWidth="1"/>
    <col min="12302" max="12302" width="1.625" style="113" customWidth="1"/>
    <col min="12303" max="12303" width="72.5" style="113" customWidth="1"/>
    <col min="12304" max="12304" width="8.375" style="113" customWidth="1"/>
    <col min="12305" max="12308" width="0" style="113" hidden="1" customWidth="1"/>
    <col min="12309" max="12319" width="8.875" style="113"/>
    <col min="12320" max="12323" width="0" style="113" hidden="1" customWidth="1"/>
    <col min="12324" max="12331" width="10" style="113" customWidth="1"/>
    <col min="12332" max="12538" width="8.875" style="113"/>
    <col min="12539" max="12539" width="7.5" style="113" customWidth="1"/>
    <col min="12540" max="12540" width="16" style="113" customWidth="1"/>
    <col min="12541" max="12541" width="12.25" style="113" customWidth="1"/>
    <col min="12542" max="12542" width="6.125" style="113" customWidth="1"/>
    <col min="12543" max="12543" width="1.75" style="113" customWidth="1"/>
    <col min="12544" max="12544" width="7.25" style="113" customWidth="1"/>
    <col min="12545" max="12545" width="4.125" style="113" customWidth="1"/>
    <col min="12546" max="12546" width="5.75" style="113" customWidth="1"/>
    <col min="12547" max="12547" width="1.75" style="113" customWidth="1"/>
    <col min="12548" max="12548" width="8.875" style="113"/>
    <col min="12549" max="12549" width="5" style="113" customWidth="1"/>
    <col min="12550" max="12550" width="1.625" style="113" customWidth="1"/>
    <col min="12551" max="12551" width="3.875" style="113" customWidth="1"/>
    <col min="12552" max="12552" width="2.125" style="113" customWidth="1"/>
    <col min="12553" max="12554" width="4" style="113" customWidth="1"/>
    <col min="12555" max="12555" width="13.75" style="113" customWidth="1"/>
    <col min="12556" max="12556" width="1.5" style="113" customWidth="1"/>
    <col min="12557" max="12557" width="3.5" style="113" customWidth="1"/>
    <col min="12558" max="12558" width="1.625" style="113" customWidth="1"/>
    <col min="12559" max="12559" width="72.5" style="113" customWidth="1"/>
    <col min="12560" max="12560" width="8.375" style="113" customWidth="1"/>
    <col min="12561" max="12564" width="0" style="113" hidden="1" customWidth="1"/>
    <col min="12565" max="12575" width="8.875" style="113"/>
    <col min="12576" max="12579" width="0" style="113" hidden="1" customWidth="1"/>
    <col min="12580" max="12587" width="10" style="113" customWidth="1"/>
    <col min="12588" max="12794" width="8.875" style="113"/>
    <col min="12795" max="12795" width="7.5" style="113" customWidth="1"/>
    <col min="12796" max="12796" width="16" style="113" customWidth="1"/>
    <col min="12797" max="12797" width="12.25" style="113" customWidth="1"/>
    <col min="12798" max="12798" width="6.125" style="113" customWidth="1"/>
    <col min="12799" max="12799" width="1.75" style="113" customWidth="1"/>
    <col min="12800" max="12800" width="7.25" style="113" customWidth="1"/>
    <col min="12801" max="12801" width="4.125" style="113" customWidth="1"/>
    <col min="12802" max="12802" width="5.75" style="113" customWidth="1"/>
    <col min="12803" max="12803" width="1.75" style="113" customWidth="1"/>
    <col min="12804" max="12804" width="8.875" style="113"/>
    <col min="12805" max="12805" width="5" style="113" customWidth="1"/>
    <col min="12806" max="12806" width="1.625" style="113" customWidth="1"/>
    <col min="12807" max="12807" width="3.875" style="113" customWidth="1"/>
    <col min="12808" max="12808" width="2.125" style="113" customWidth="1"/>
    <col min="12809" max="12810" width="4" style="113" customWidth="1"/>
    <col min="12811" max="12811" width="13.75" style="113" customWidth="1"/>
    <col min="12812" max="12812" width="1.5" style="113" customWidth="1"/>
    <col min="12813" max="12813" width="3.5" style="113" customWidth="1"/>
    <col min="12814" max="12814" width="1.625" style="113" customWidth="1"/>
    <col min="12815" max="12815" width="72.5" style="113" customWidth="1"/>
    <col min="12816" max="12816" width="8.375" style="113" customWidth="1"/>
    <col min="12817" max="12820" width="0" style="113" hidden="1" customWidth="1"/>
    <col min="12821" max="12831" width="8.875" style="113"/>
    <col min="12832" max="12835" width="0" style="113" hidden="1" customWidth="1"/>
    <col min="12836" max="12843" width="10" style="113" customWidth="1"/>
    <col min="12844" max="13050" width="8.875" style="113"/>
    <col min="13051" max="13051" width="7.5" style="113" customWidth="1"/>
    <col min="13052" max="13052" width="16" style="113" customWidth="1"/>
    <col min="13053" max="13053" width="12.25" style="113" customWidth="1"/>
    <col min="13054" max="13054" width="6.125" style="113" customWidth="1"/>
    <col min="13055" max="13055" width="1.75" style="113" customWidth="1"/>
    <col min="13056" max="13056" width="7.25" style="113" customWidth="1"/>
    <col min="13057" max="13057" width="4.125" style="113" customWidth="1"/>
    <col min="13058" max="13058" width="5.75" style="113" customWidth="1"/>
    <col min="13059" max="13059" width="1.75" style="113" customWidth="1"/>
    <col min="13060" max="13060" width="8.875" style="113"/>
    <col min="13061" max="13061" width="5" style="113" customWidth="1"/>
    <col min="13062" max="13062" width="1.625" style="113" customWidth="1"/>
    <col min="13063" max="13063" width="3.875" style="113" customWidth="1"/>
    <col min="13064" max="13064" width="2.125" style="113" customWidth="1"/>
    <col min="13065" max="13066" width="4" style="113" customWidth="1"/>
    <col min="13067" max="13067" width="13.75" style="113" customWidth="1"/>
    <col min="13068" max="13068" width="1.5" style="113" customWidth="1"/>
    <col min="13069" max="13069" width="3.5" style="113" customWidth="1"/>
    <col min="13070" max="13070" width="1.625" style="113" customWidth="1"/>
    <col min="13071" max="13071" width="72.5" style="113" customWidth="1"/>
    <col min="13072" max="13072" width="8.375" style="113" customWidth="1"/>
    <col min="13073" max="13076" width="0" style="113" hidden="1" customWidth="1"/>
    <col min="13077" max="13087" width="8.875" style="113"/>
    <col min="13088" max="13091" width="0" style="113" hidden="1" customWidth="1"/>
    <col min="13092" max="13099" width="10" style="113" customWidth="1"/>
    <col min="13100" max="13306" width="8.875" style="113"/>
    <col min="13307" max="13307" width="7.5" style="113" customWidth="1"/>
    <col min="13308" max="13308" width="16" style="113" customWidth="1"/>
    <col min="13309" max="13309" width="12.25" style="113" customWidth="1"/>
    <col min="13310" max="13310" width="6.125" style="113" customWidth="1"/>
    <col min="13311" max="13311" width="1.75" style="113" customWidth="1"/>
    <col min="13312" max="13312" width="7.25" style="113" customWidth="1"/>
    <col min="13313" max="13313" width="4.125" style="113" customWidth="1"/>
    <col min="13314" max="13314" width="5.75" style="113" customWidth="1"/>
    <col min="13315" max="13315" width="1.75" style="113" customWidth="1"/>
    <col min="13316" max="13316" width="8.875" style="113"/>
    <col min="13317" max="13317" width="5" style="113" customWidth="1"/>
    <col min="13318" max="13318" width="1.625" style="113" customWidth="1"/>
    <col min="13319" max="13319" width="3.875" style="113" customWidth="1"/>
    <col min="13320" max="13320" width="2.125" style="113" customWidth="1"/>
    <col min="13321" max="13322" width="4" style="113" customWidth="1"/>
    <col min="13323" max="13323" width="13.75" style="113" customWidth="1"/>
    <col min="13324" max="13324" width="1.5" style="113" customWidth="1"/>
    <col min="13325" max="13325" width="3.5" style="113" customWidth="1"/>
    <col min="13326" max="13326" width="1.625" style="113" customWidth="1"/>
    <col min="13327" max="13327" width="72.5" style="113" customWidth="1"/>
    <col min="13328" max="13328" width="8.375" style="113" customWidth="1"/>
    <col min="13329" max="13332" width="0" style="113" hidden="1" customWidth="1"/>
    <col min="13333" max="13343" width="8.875" style="113"/>
    <col min="13344" max="13347" width="0" style="113" hidden="1" customWidth="1"/>
    <col min="13348" max="13355" width="10" style="113" customWidth="1"/>
    <col min="13356" max="13562" width="8.875" style="113"/>
    <col min="13563" max="13563" width="7.5" style="113" customWidth="1"/>
    <col min="13564" max="13564" width="16" style="113" customWidth="1"/>
    <col min="13565" max="13565" width="12.25" style="113" customWidth="1"/>
    <col min="13566" max="13566" width="6.125" style="113" customWidth="1"/>
    <col min="13567" max="13567" width="1.75" style="113" customWidth="1"/>
    <col min="13568" max="13568" width="7.25" style="113" customWidth="1"/>
    <col min="13569" max="13569" width="4.125" style="113" customWidth="1"/>
    <col min="13570" max="13570" width="5.75" style="113" customWidth="1"/>
    <col min="13571" max="13571" width="1.75" style="113" customWidth="1"/>
    <col min="13572" max="13572" width="8.875" style="113"/>
    <col min="13573" max="13573" width="5" style="113" customWidth="1"/>
    <col min="13574" max="13574" width="1.625" style="113" customWidth="1"/>
    <col min="13575" max="13575" width="3.875" style="113" customWidth="1"/>
    <col min="13576" max="13576" width="2.125" style="113" customWidth="1"/>
    <col min="13577" max="13578" width="4" style="113" customWidth="1"/>
    <col min="13579" max="13579" width="13.75" style="113" customWidth="1"/>
    <col min="13580" max="13580" width="1.5" style="113" customWidth="1"/>
    <col min="13581" max="13581" width="3.5" style="113" customWidth="1"/>
    <col min="13582" max="13582" width="1.625" style="113" customWidth="1"/>
    <col min="13583" max="13583" width="72.5" style="113" customWidth="1"/>
    <col min="13584" max="13584" width="8.375" style="113" customWidth="1"/>
    <col min="13585" max="13588" width="0" style="113" hidden="1" customWidth="1"/>
    <col min="13589" max="13599" width="8.875" style="113"/>
    <col min="13600" max="13603" width="0" style="113" hidden="1" customWidth="1"/>
    <col min="13604" max="13611" width="10" style="113" customWidth="1"/>
    <col min="13612" max="13818" width="8.875" style="113"/>
    <col min="13819" max="13819" width="7.5" style="113" customWidth="1"/>
    <col min="13820" max="13820" width="16" style="113" customWidth="1"/>
    <col min="13821" max="13821" width="12.25" style="113" customWidth="1"/>
    <col min="13822" max="13822" width="6.125" style="113" customWidth="1"/>
    <col min="13823" max="13823" width="1.75" style="113" customWidth="1"/>
    <col min="13824" max="13824" width="7.25" style="113" customWidth="1"/>
    <col min="13825" max="13825" width="4.125" style="113" customWidth="1"/>
    <col min="13826" max="13826" width="5.75" style="113" customWidth="1"/>
    <col min="13827" max="13827" width="1.75" style="113" customWidth="1"/>
    <col min="13828" max="13828" width="8.875" style="113"/>
    <col min="13829" max="13829" width="5" style="113" customWidth="1"/>
    <col min="13830" max="13830" width="1.625" style="113" customWidth="1"/>
    <col min="13831" max="13831" width="3.875" style="113" customWidth="1"/>
    <col min="13832" max="13832" width="2.125" style="113" customWidth="1"/>
    <col min="13833" max="13834" width="4" style="113" customWidth="1"/>
    <col min="13835" max="13835" width="13.75" style="113" customWidth="1"/>
    <col min="13836" max="13836" width="1.5" style="113" customWidth="1"/>
    <col min="13837" max="13837" width="3.5" style="113" customWidth="1"/>
    <col min="13838" max="13838" width="1.625" style="113" customWidth="1"/>
    <col min="13839" max="13839" width="72.5" style="113" customWidth="1"/>
    <col min="13840" max="13840" width="8.375" style="113" customWidth="1"/>
    <col min="13841" max="13844" width="0" style="113" hidden="1" customWidth="1"/>
    <col min="13845" max="13855" width="8.875" style="113"/>
    <col min="13856" max="13859" width="0" style="113" hidden="1" customWidth="1"/>
    <col min="13860" max="13867" width="10" style="113" customWidth="1"/>
    <col min="13868" max="14074" width="8.875" style="113"/>
    <col min="14075" max="14075" width="7.5" style="113" customWidth="1"/>
    <col min="14076" max="14076" width="16" style="113" customWidth="1"/>
    <col min="14077" max="14077" width="12.25" style="113" customWidth="1"/>
    <col min="14078" max="14078" width="6.125" style="113" customWidth="1"/>
    <col min="14079" max="14079" width="1.75" style="113" customWidth="1"/>
    <col min="14080" max="14080" width="7.25" style="113" customWidth="1"/>
    <col min="14081" max="14081" width="4.125" style="113" customWidth="1"/>
    <col min="14082" max="14082" width="5.75" style="113" customWidth="1"/>
    <col min="14083" max="14083" width="1.75" style="113" customWidth="1"/>
    <col min="14084" max="14084" width="8.875" style="113"/>
    <col min="14085" max="14085" width="5" style="113" customWidth="1"/>
    <col min="14086" max="14086" width="1.625" style="113" customWidth="1"/>
    <col min="14087" max="14087" width="3.875" style="113" customWidth="1"/>
    <col min="14088" max="14088" width="2.125" style="113" customWidth="1"/>
    <col min="14089" max="14090" width="4" style="113" customWidth="1"/>
    <col min="14091" max="14091" width="13.75" style="113" customWidth="1"/>
    <col min="14092" max="14092" width="1.5" style="113" customWidth="1"/>
    <col min="14093" max="14093" width="3.5" style="113" customWidth="1"/>
    <col min="14094" max="14094" width="1.625" style="113" customWidth="1"/>
    <col min="14095" max="14095" width="72.5" style="113" customWidth="1"/>
    <col min="14096" max="14096" width="8.375" style="113" customWidth="1"/>
    <col min="14097" max="14100" width="0" style="113" hidden="1" customWidth="1"/>
    <col min="14101" max="14111" width="8.875" style="113"/>
    <col min="14112" max="14115" width="0" style="113" hidden="1" customWidth="1"/>
    <col min="14116" max="14123" width="10" style="113" customWidth="1"/>
    <col min="14124" max="14330" width="8.875" style="113"/>
    <col min="14331" max="14331" width="7.5" style="113" customWidth="1"/>
    <col min="14332" max="14332" width="16" style="113" customWidth="1"/>
    <col min="14333" max="14333" width="12.25" style="113" customWidth="1"/>
    <col min="14334" max="14334" width="6.125" style="113" customWidth="1"/>
    <col min="14335" max="14335" width="1.75" style="113" customWidth="1"/>
    <col min="14336" max="14336" width="7.25" style="113" customWidth="1"/>
    <col min="14337" max="14337" width="4.125" style="113" customWidth="1"/>
    <col min="14338" max="14338" width="5.75" style="113" customWidth="1"/>
    <col min="14339" max="14339" width="1.75" style="113" customWidth="1"/>
    <col min="14340" max="14340" width="8.875" style="113"/>
    <col min="14341" max="14341" width="5" style="113" customWidth="1"/>
    <col min="14342" max="14342" width="1.625" style="113" customWidth="1"/>
    <col min="14343" max="14343" width="3.875" style="113" customWidth="1"/>
    <col min="14344" max="14344" width="2.125" style="113" customWidth="1"/>
    <col min="14345" max="14346" width="4" style="113" customWidth="1"/>
    <col min="14347" max="14347" width="13.75" style="113" customWidth="1"/>
    <col min="14348" max="14348" width="1.5" style="113" customWidth="1"/>
    <col min="14349" max="14349" width="3.5" style="113" customWidth="1"/>
    <col min="14350" max="14350" width="1.625" style="113" customWidth="1"/>
    <col min="14351" max="14351" width="72.5" style="113" customWidth="1"/>
    <col min="14352" max="14352" width="8.375" style="113" customWidth="1"/>
    <col min="14353" max="14356" width="0" style="113" hidden="1" customWidth="1"/>
    <col min="14357" max="14367" width="8.875" style="113"/>
    <col min="14368" max="14371" width="0" style="113" hidden="1" customWidth="1"/>
    <col min="14372" max="14379" width="10" style="113" customWidth="1"/>
    <col min="14380" max="14586" width="8.875" style="113"/>
    <col min="14587" max="14587" width="7.5" style="113" customWidth="1"/>
    <col min="14588" max="14588" width="16" style="113" customWidth="1"/>
    <col min="14589" max="14589" width="12.25" style="113" customWidth="1"/>
    <col min="14590" max="14590" width="6.125" style="113" customWidth="1"/>
    <col min="14591" max="14591" width="1.75" style="113" customWidth="1"/>
    <col min="14592" max="14592" width="7.25" style="113" customWidth="1"/>
    <col min="14593" max="14593" width="4.125" style="113" customWidth="1"/>
    <col min="14594" max="14594" width="5.75" style="113" customWidth="1"/>
    <col min="14595" max="14595" width="1.75" style="113" customWidth="1"/>
    <col min="14596" max="14596" width="8.875" style="113"/>
    <col min="14597" max="14597" width="5" style="113" customWidth="1"/>
    <col min="14598" max="14598" width="1.625" style="113" customWidth="1"/>
    <col min="14599" max="14599" width="3.875" style="113" customWidth="1"/>
    <col min="14600" max="14600" width="2.125" style="113" customWidth="1"/>
    <col min="14601" max="14602" width="4" style="113" customWidth="1"/>
    <col min="14603" max="14603" width="13.75" style="113" customWidth="1"/>
    <col min="14604" max="14604" width="1.5" style="113" customWidth="1"/>
    <col min="14605" max="14605" width="3.5" style="113" customWidth="1"/>
    <col min="14606" max="14606" width="1.625" style="113" customWidth="1"/>
    <col min="14607" max="14607" width="72.5" style="113" customWidth="1"/>
    <col min="14608" max="14608" width="8.375" style="113" customWidth="1"/>
    <col min="14609" max="14612" width="0" style="113" hidden="1" customWidth="1"/>
    <col min="14613" max="14623" width="8.875" style="113"/>
    <col min="14624" max="14627" width="0" style="113" hidden="1" customWidth="1"/>
    <col min="14628" max="14635" width="10" style="113" customWidth="1"/>
    <col min="14636" max="14842" width="8.875" style="113"/>
    <col min="14843" max="14843" width="7.5" style="113" customWidth="1"/>
    <col min="14844" max="14844" width="16" style="113" customWidth="1"/>
    <col min="14845" max="14845" width="12.25" style="113" customWidth="1"/>
    <col min="14846" max="14846" width="6.125" style="113" customWidth="1"/>
    <col min="14847" max="14847" width="1.75" style="113" customWidth="1"/>
    <col min="14848" max="14848" width="7.25" style="113" customWidth="1"/>
    <col min="14849" max="14849" width="4.125" style="113" customWidth="1"/>
    <col min="14850" max="14850" width="5.75" style="113" customWidth="1"/>
    <col min="14851" max="14851" width="1.75" style="113" customWidth="1"/>
    <col min="14852" max="14852" width="8.875" style="113"/>
    <col min="14853" max="14853" width="5" style="113" customWidth="1"/>
    <col min="14854" max="14854" width="1.625" style="113" customWidth="1"/>
    <col min="14855" max="14855" width="3.875" style="113" customWidth="1"/>
    <col min="14856" max="14856" width="2.125" style="113" customWidth="1"/>
    <col min="14857" max="14858" width="4" style="113" customWidth="1"/>
    <col min="14859" max="14859" width="13.75" style="113" customWidth="1"/>
    <col min="14860" max="14860" width="1.5" style="113" customWidth="1"/>
    <col min="14861" max="14861" width="3.5" style="113" customWidth="1"/>
    <col min="14862" max="14862" width="1.625" style="113" customWidth="1"/>
    <col min="14863" max="14863" width="72.5" style="113" customWidth="1"/>
    <col min="14864" max="14864" width="8.375" style="113" customWidth="1"/>
    <col min="14865" max="14868" width="0" style="113" hidden="1" customWidth="1"/>
    <col min="14869" max="14879" width="8.875" style="113"/>
    <col min="14880" max="14883" width="0" style="113" hidden="1" customWidth="1"/>
    <col min="14884" max="14891" width="10" style="113" customWidth="1"/>
    <col min="14892" max="15098" width="8.875" style="113"/>
    <col min="15099" max="15099" width="7.5" style="113" customWidth="1"/>
    <col min="15100" max="15100" width="16" style="113" customWidth="1"/>
    <col min="15101" max="15101" width="12.25" style="113" customWidth="1"/>
    <col min="15102" max="15102" width="6.125" style="113" customWidth="1"/>
    <col min="15103" max="15103" width="1.75" style="113" customWidth="1"/>
    <col min="15104" max="15104" width="7.25" style="113" customWidth="1"/>
    <col min="15105" max="15105" width="4.125" style="113" customWidth="1"/>
    <col min="15106" max="15106" width="5.75" style="113" customWidth="1"/>
    <col min="15107" max="15107" width="1.75" style="113" customWidth="1"/>
    <col min="15108" max="15108" width="8.875" style="113"/>
    <col min="15109" max="15109" width="5" style="113" customWidth="1"/>
    <col min="15110" max="15110" width="1.625" style="113" customWidth="1"/>
    <col min="15111" max="15111" width="3.875" style="113" customWidth="1"/>
    <col min="15112" max="15112" width="2.125" style="113" customWidth="1"/>
    <col min="15113" max="15114" width="4" style="113" customWidth="1"/>
    <col min="15115" max="15115" width="13.75" style="113" customWidth="1"/>
    <col min="15116" max="15116" width="1.5" style="113" customWidth="1"/>
    <col min="15117" max="15117" width="3.5" style="113" customWidth="1"/>
    <col min="15118" max="15118" width="1.625" style="113" customWidth="1"/>
    <col min="15119" max="15119" width="72.5" style="113" customWidth="1"/>
    <col min="15120" max="15120" width="8.375" style="113" customWidth="1"/>
    <col min="15121" max="15124" width="0" style="113" hidden="1" customWidth="1"/>
    <col min="15125" max="15135" width="8.875" style="113"/>
    <col min="15136" max="15139" width="0" style="113" hidden="1" customWidth="1"/>
    <col min="15140" max="15147" width="10" style="113" customWidth="1"/>
    <col min="15148" max="15354" width="8.875" style="113"/>
    <col min="15355" max="15355" width="7.5" style="113" customWidth="1"/>
    <col min="15356" max="15356" width="16" style="113" customWidth="1"/>
    <col min="15357" max="15357" width="12.25" style="113" customWidth="1"/>
    <col min="15358" max="15358" width="6.125" style="113" customWidth="1"/>
    <col min="15359" max="15359" width="1.75" style="113" customWidth="1"/>
    <col min="15360" max="15360" width="7.25" style="113" customWidth="1"/>
    <col min="15361" max="15361" width="4.125" style="113" customWidth="1"/>
    <col min="15362" max="15362" width="5.75" style="113" customWidth="1"/>
    <col min="15363" max="15363" width="1.75" style="113" customWidth="1"/>
    <col min="15364" max="15364" width="8.875" style="113"/>
    <col min="15365" max="15365" width="5" style="113" customWidth="1"/>
    <col min="15366" max="15366" width="1.625" style="113" customWidth="1"/>
    <col min="15367" max="15367" width="3.875" style="113" customWidth="1"/>
    <col min="15368" max="15368" width="2.125" style="113" customWidth="1"/>
    <col min="15369" max="15370" width="4" style="113" customWidth="1"/>
    <col min="15371" max="15371" width="13.75" style="113" customWidth="1"/>
    <col min="15372" max="15372" width="1.5" style="113" customWidth="1"/>
    <col min="15373" max="15373" width="3.5" style="113" customWidth="1"/>
    <col min="15374" max="15374" width="1.625" style="113" customWidth="1"/>
    <col min="15375" max="15375" width="72.5" style="113" customWidth="1"/>
    <col min="15376" max="15376" width="8.375" style="113" customWidth="1"/>
    <col min="15377" max="15380" width="0" style="113" hidden="1" customWidth="1"/>
    <col min="15381" max="15391" width="8.875" style="113"/>
    <col min="15392" max="15395" width="0" style="113" hidden="1" customWidth="1"/>
    <col min="15396" max="15403" width="10" style="113" customWidth="1"/>
    <col min="15404" max="15610" width="8.875" style="113"/>
    <col min="15611" max="15611" width="7.5" style="113" customWidth="1"/>
    <col min="15612" max="15612" width="16" style="113" customWidth="1"/>
    <col min="15613" max="15613" width="12.25" style="113" customWidth="1"/>
    <col min="15614" max="15614" width="6.125" style="113" customWidth="1"/>
    <col min="15615" max="15615" width="1.75" style="113" customWidth="1"/>
    <col min="15616" max="15616" width="7.25" style="113" customWidth="1"/>
    <col min="15617" max="15617" width="4.125" style="113" customWidth="1"/>
    <col min="15618" max="15618" width="5.75" style="113" customWidth="1"/>
    <col min="15619" max="15619" width="1.75" style="113" customWidth="1"/>
    <col min="15620" max="15620" width="8.875" style="113"/>
    <col min="15621" max="15621" width="5" style="113" customWidth="1"/>
    <col min="15622" max="15622" width="1.625" style="113" customWidth="1"/>
    <col min="15623" max="15623" width="3.875" style="113" customWidth="1"/>
    <col min="15624" max="15624" width="2.125" style="113" customWidth="1"/>
    <col min="15625" max="15626" width="4" style="113" customWidth="1"/>
    <col min="15627" max="15627" width="13.75" style="113" customWidth="1"/>
    <col min="15628" max="15628" width="1.5" style="113" customWidth="1"/>
    <col min="15629" max="15629" width="3.5" style="113" customWidth="1"/>
    <col min="15630" max="15630" width="1.625" style="113" customWidth="1"/>
    <col min="15631" max="15631" width="72.5" style="113" customWidth="1"/>
    <col min="15632" max="15632" width="8.375" style="113" customWidth="1"/>
    <col min="15633" max="15636" width="0" style="113" hidden="1" customWidth="1"/>
    <col min="15637" max="15647" width="8.875" style="113"/>
    <col min="15648" max="15651" width="0" style="113" hidden="1" customWidth="1"/>
    <col min="15652" max="15659" width="10" style="113" customWidth="1"/>
    <col min="15660" max="15866" width="8.875" style="113"/>
    <col min="15867" max="15867" width="7.5" style="113" customWidth="1"/>
    <col min="15868" max="15868" width="16" style="113" customWidth="1"/>
    <col min="15869" max="15869" width="12.25" style="113" customWidth="1"/>
    <col min="15870" max="15870" width="6.125" style="113" customWidth="1"/>
    <col min="15871" max="15871" width="1.75" style="113" customWidth="1"/>
    <col min="15872" max="15872" width="7.25" style="113" customWidth="1"/>
    <col min="15873" max="15873" width="4.125" style="113" customWidth="1"/>
    <col min="15874" max="15874" width="5.75" style="113" customWidth="1"/>
    <col min="15875" max="15875" width="1.75" style="113" customWidth="1"/>
    <col min="15876" max="15876" width="8.875" style="113"/>
    <col min="15877" max="15877" width="5" style="113" customWidth="1"/>
    <col min="15878" max="15878" width="1.625" style="113" customWidth="1"/>
    <col min="15879" max="15879" width="3.875" style="113" customWidth="1"/>
    <col min="15880" max="15880" width="2.125" style="113" customWidth="1"/>
    <col min="15881" max="15882" width="4" style="113" customWidth="1"/>
    <col min="15883" max="15883" width="13.75" style="113" customWidth="1"/>
    <col min="15884" max="15884" width="1.5" style="113" customWidth="1"/>
    <col min="15885" max="15885" width="3.5" style="113" customWidth="1"/>
    <col min="15886" max="15886" width="1.625" style="113" customWidth="1"/>
    <col min="15887" max="15887" width="72.5" style="113" customWidth="1"/>
    <col min="15888" max="15888" width="8.375" style="113" customWidth="1"/>
    <col min="15889" max="15892" width="0" style="113" hidden="1" customWidth="1"/>
    <col min="15893" max="15903" width="8.875" style="113"/>
    <col min="15904" max="15907" width="0" style="113" hidden="1" customWidth="1"/>
    <col min="15908" max="15915" width="10" style="113" customWidth="1"/>
    <col min="15916" max="16122" width="8.875" style="113"/>
    <col min="16123" max="16123" width="7.5" style="113" customWidth="1"/>
    <col min="16124" max="16124" width="16" style="113" customWidth="1"/>
    <col min="16125" max="16125" width="12.25" style="113" customWidth="1"/>
    <col min="16126" max="16126" width="6.125" style="113" customWidth="1"/>
    <col min="16127" max="16127" width="1.75" style="113" customWidth="1"/>
    <col min="16128" max="16128" width="7.25" style="113" customWidth="1"/>
    <col min="16129" max="16129" width="4.125" style="113" customWidth="1"/>
    <col min="16130" max="16130" width="5.75" style="113" customWidth="1"/>
    <col min="16131" max="16131" width="1.75" style="113" customWidth="1"/>
    <col min="16132" max="16132" width="8.875" style="113"/>
    <col min="16133" max="16133" width="5" style="113" customWidth="1"/>
    <col min="16134" max="16134" width="1.625" style="113" customWidth="1"/>
    <col min="16135" max="16135" width="3.875" style="113" customWidth="1"/>
    <col min="16136" max="16136" width="2.125" style="113" customWidth="1"/>
    <col min="16137" max="16138" width="4" style="113" customWidth="1"/>
    <col min="16139" max="16139" width="13.75" style="113" customWidth="1"/>
    <col min="16140" max="16140" width="1.5" style="113" customWidth="1"/>
    <col min="16141" max="16141" width="3.5" style="113" customWidth="1"/>
    <col min="16142" max="16142" width="1.625" style="113" customWidth="1"/>
    <col min="16143" max="16143" width="72.5" style="113" customWidth="1"/>
    <col min="16144" max="16144" width="8.375" style="113" customWidth="1"/>
    <col min="16145" max="16148" width="0" style="113" hidden="1" customWidth="1"/>
    <col min="16149" max="16159" width="8.875" style="113"/>
    <col min="16160" max="16163" width="0" style="113" hidden="1" customWidth="1"/>
    <col min="16164" max="16171" width="10" style="113" customWidth="1"/>
    <col min="16172" max="16378" width="8.875" style="113"/>
    <col min="16379" max="16384" width="8.875" style="113" customWidth="1"/>
  </cols>
  <sheetData>
    <row r="1" spans="1:21" ht="15" thickBot="1">
      <c r="A1" s="192" t="s">
        <v>199</v>
      </c>
      <c r="Q1" s="114"/>
    </row>
    <row r="2" spans="1:21" ht="21">
      <c r="A2" s="323" t="s">
        <v>150</v>
      </c>
      <c r="B2" s="324"/>
      <c r="C2" s="324"/>
      <c r="D2" s="324"/>
      <c r="E2" s="324"/>
      <c r="F2" s="324"/>
      <c r="G2" s="324"/>
      <c r="H2" s="324"/>
      <c r="I2" s="324"/>
      <c r="J2" s="324"/>
      <c r="K2" s="324"/>
      <c r="L2" s="324"/>
      <c r="M2" s="324"/>
      <c r="N2" s="324"/>
      <c r="O2" s="324"/>
      <c r="P2" s="324"/>
      <c r="Q2" s="324"/>
      <c r="R2" s="117"/>
      <c r="S2" s="346" t="s">
        <v>120</v>
      </c>
      <c r="T2" s="347"/>
      <c r="U2" s="348"/>
    </row>
    <row r="3" spans="1:21" ht="21">
      <c r="A3" s="119"/>
      <c r="B3" s="97"/>
      <c r="C3" s="97"/>
      <c r="D3" s="97"/>
      <c r="E3" s="97"/>
      <c r="F3" s="97"/>
      <c r="G3" s="97"/>
      <c r="H3" s="97"/>
      <c r="I3" s="97"/>
      <c r="J3" s="97"/>
      <c r="K3" s="97"/>
      <c r="L3" s="97"/>
      <c r="M3" s="97"/>
      <c r="N3" s="97"/>
      <c r="O3" s="97"/>
      <c r="P3" s="97"/>
      <c r="Q3" s="97"/>
      <c r="R3" s="117"/>
      <c r="S3" s="120"/>
      <c r="T3" s="118"/>
      <c r="U3" s="121"/>
    </row>
    <row r="4" spans="1:21">
      <c r="S4" s="122"/>
      <c r="T4" s="118"/>
      <c r="U4" s="123"/>
    </row>
    <row r="5" spans="1:21">
      <c r="S5" s="122"/>
      <c r="T5" s="118"/>
      <c r="U5" s="123"/>
    </row>
    <row r="6" spans="1:21">
      <c r="O6" s="349"/>
      <c r="P6" s="349"/>
      <c r="Q6" s="349"/>
      <c r="R6" s="125"/>
      <c r="S6" s="122"/>
      <c r="T6" s="118"/>
      <c r="U6" s="123" t="s">
        <v>121</v>
      </c>
    </row>
    <row r="7" spans="1:21">
      <c r="R7" s="125"/>
      <c r="S7" s="122"/>
      <c r="T7" s="118"/>
      <c r="U7" s="123"/>
    </row>
    <row r="8" spans="1:21">
      <c r="A8" s="113" t="s">
        <v>71</v>
      </c>
      <c r="S8" s="122"/>
      <c r="T8" s="118"/>
      <c r="U8" s="123"/>
    </row>
    <row r="9" spans="1:21">
      <c r="S9" s="122"/>
      <c r="T9" s="118"/>
      <c r="U9" s="123"/>
    </row>
    <row r="10" spans="1:21">
      <c r="A10" s="126"/>
      <c r="B10" s="126"/>
      <c r="S10" s="122"/>
      <c r="T10" s="118"/>
      <c r="U10" s="123"/>
    </row>
    <row r="11" spans="1:21">
      <c r="S11" s="122"/>
      <c r="T11" s="118"/>
      <c r="U11" s="123"/>
    </row>
    <row r="12" spans="1:21" ht="20.25" customHeight="1">
      <c r="B12" s="102" t="s">
        <v>107</v>
      </c>
      <c r="C12" s="91"/>
      <c r="D12" s="328" t="s">
        <v>108</v>
      </c>
      <c r="E12" s="328"/>
      <c r="F12" s="328"/>
      <c r="G12" s="344"/>
      <c r="H12" s="345"/>
      <c r="I12" s="345"/>
      <c r="J12" s="345"/>
      <c r="K12" s="345"/>
      <c r="L12" s="345"/>
      <c r="M12" s="345"/>
      <c r="N12" s="345"/>
      <c r="O12" s="345"/>
      <c r="P12" s="345"/>
      <c r="S12" s="122"/>
      <c r="T12" s="118"/>
      <c r="U12" s="123" t="s">
        <v>122</v>
      </c>
    </row>
    <row r="13" spans="1:21" ht="20.25" customHeight="1">
      <c r="B13" s="125"/>
      <c r="C13" s="91"/>
      <c r="D13" s="328" t="s">
        <v>123</v>
      </c>
      <c r="E13" s="328"/>
      <c r="F13" s="328"/>
      <c r="G13" s="344"/>
      <c r="H13" s="345"/>
      <c r="I13" s="345"/>
      <c r="J13" s="345"/>
      <c r="K13" s="345"/>
      <c r="L13" s="345"/>
      <c r="M13" s="345"/>
      <c r="N13" s="345"/>
      <c r="O13" s="345"/>
      <c r="P13" s="345"/>
      <c r="Q13" s="127"/>
      <c r="S13" s="122"/>
      <c r="T13" s="118"/>
      <c r="U13" s="123" t="s">
        <v>124</v>
      </c>
    </row>
    <row r="14" spans="1:21" ht="20.25" customHeight="1">
      <c r="B14" s="125"/>
      <c r="C14" s="319" t="s">
        <v>111</v>
      </c>
      <c r="D14" s="350"/>
      <c r="E14" s="350"/>
      <c r="F14" s="350"/>
      <c r="G14" s="351"/>
      <c r="H14" s="352"/>
      <c r="I14" s="352"/>
      <c r="J14" s="352"/>
      <c r="K14" s="352"/>
      <c r="L14" s="352"/>
      <c r="M14" s="352"/>
      <c r="N14" s="352"/>
      <c r="O14" s="352"/>
      <c r="P14" s="352"/>
      <c r="S14" s="122"/>
      <c r="T14" s="118"/>
      <c r="U14" s="123" t="s">
        <v>125</v>
      </c>
    </row>
    <row r="15" spans="1:21">
      <c r="S15" s="122"/>
      <c r="T15" s="118"/>
      <c r="U15" s="123"/>
    </row>
    <row r="16" spans="1:21">
      <c r="S16" s="122"/>
      <c r="T16" s="118"/>
      <c r="U16" s="123"/>
    </row>
    <row r="17" spans="1:34">
      <c r="S17" s="122"/>
      <c r="T17" s="118"/>
      <c r="U17" s="123"/>
    </row>
    <row r="18" spans="1:34">
      <c r="S18" s="122"/>
      <c r="T18" s="118"/>
      <c r="U18" s="123"/>
    </row>
    <row r="19" spans="1:34" ht="33.75" customHeight="1">
      <c r="A19" s="353" t="s">
        <v>149</v>
      </c>
      <c r="B19" s="322"/>
      <c r="C19" s="322"/>
      <c r="D19" s="322"/>
      <c r="E19" s="322"/>
      <c r="F19" s="322"/>
      <c r="G19" s="322"/>
      <c r="H19" s="322"/>
      <c r="I19" s="322"/>
      <c r="J19" s="322"/>
      <c r="K19" s="322"/>
      <c r="L19" s="322"/>
      <c r="M19" s="322"/>
      <c r="N19" s="322"/>
      <c r="O19" s="322"/>
      <c r="P19" s="322"/>
      <c r="Q19" s="322"/>
      <c r="S19" s="122"/>
      <c r="T19" s="118"/>
      <c r="U19" s="123"/>
    </row>
    <row r="20" spans="1:34">
      <c r="S20" s="122"/>
      <c r="T20" s="118"/>
      <c r="U20" s="123"/>
      <c r="AF20" s="128"/>
    </row>
    <row r="21" spans="1:34">
      <c r="S21" s="122"/>
      <c r="T21" s="118"/>
      <c r="U21" s="123"/>
      <c r="AF21" s="128"/>
    </row>
    <row r="22" spans="1:34" ht="23.25" customHeight="1">
      <c r="B22" s="354" t="s">
        <v>147</v>
      </c>
      <c r="C22" s="355"/>
      <c r="D22" s="355"/>
      <c r="E22" s="356"/>
      <c r="F22" s="354" t="s">
        <v>148</v>
      </c>
      <c r="G22" s="355"/>
      <c r="H22" s="355"/>
      <c r="I22" s="355"/>
      <c r="J22" s="355"/>
      <c r="K22" s="355"/>
      <c r="L22" s="355"/>
      <c r="M22" s="355"/>
      <c r="N22" s="355"/>
      <c r="O22" s="355"/>
      <c r="P22" s="356"/>
      <c r="Q22" s="357"/>
      <c r="S22" s="122"/>
      <c r="T22" s="118"/>
      <c r="U22" s="123"/>
    </row>
    <row r="23" spans="1:34" ht="42.75" customHeight="1">
      <c r="A23" s="129"/>
      <c r="B23" s="364"/>
      <c r="C23" s="359"/>
      <c r="D23" s="359"/>
      <c r="E23" s="360"/>
      <c r="F23" s="361"/>
      <c r="G23" s="362"/>
      <c r="H23" s="362"/>
      <c r="I23" s="362"/>
      <c r="J23" s="362"/>
      <c r="K23" s="362"/>
      <c r="L23" s="362"/>
      <c r="M23" s="362"/>
      <c r="N23" s="362"/>
      <c r="O23" s="362"/>
      <c r="P23" s="363"/>
      <c r="Q23" s="357"/>
      <c r="S23" s="130"/>
      <c r="T23" s="118"/>
      <c r="U23" s="131"/>
      <c r="AF23" s="132" t="s">
        <v>128</v>
      </c>
      <c r="AG23" s="133" t="s">
        <v>126</v>
      </c>
      <c r="AH23" s="134" t="e">
        <f>#REF!&amp;"："&amp;B23&amp;"・"&amp;I23&amp;"・"&amp;K23</f>
        <v>#REF!</v>
      </c>
    </row>
    <row r="24" spans="1:34" ht="42.75" customHeight="1">
      <c r="A24" s="135"/>
      <c r="B24" s="358"/>
      <c r="C24" s="359"/>
      <c r="D24" s="359"/>
      <c r="E24" s="360"/>
      <c r="F24" s="361"/>
      <c r="G24" s="362"/>
      <c r="H24" s="362"/>
      <c r="I24" s="362"/>
      <c r="J24" s="362"/>
      <c r="K24" s="362"/>
      <c r="L24" s="362"/>
      <c r="M24" s="362"/>
      <c r="N24" s="362"/>
      <c r="O24" s="362"/>
      <c r="P24" s="363"/>
      <c r="Q24" s="357"/>
      <c r="S24" s="122"/>
      <c r="T24" s="118"/>
      <c r="U24" s="370"/>
      <c r="AF24" s="132" t="s">
        <v>129</v>
      </c>
      <c r="AG24" s="133" t="s">
        <v>130</v>
      </c>
      <c r="AH24" s="134" t="str">
        <f>B24&amp;"："&amp;C24&amp;"・"&amp;I24&amp;"・"&amp;K24</f>
        <v>：・・</v>
      </c>
    </row>
    <row r="25" spans="1:34" ht="42.75" customHeight="1">
      <c r="A25" s="135"/>
      <c r="B25" s="358"/>
      <c r="C25" s="359"/>
      <c r="D25" s="359"/>
      <c r="E25" s="360"/>
      <c r="F25" s="361"/>
      <c r="G25" s="362"/>
      <c r="H25" s="362"/>
      <c r="I25" s="362"/>
      <c r="J25" s="362"/>
      <c r="K25" s="362"/>
      <c r="L25" s="362"/>
      <c r="M25" s="362"/>
      <c r="N25" s="362"/>
      <c r="O25" s="362"/>
      <c r="P25" s="363"/>
      <c r="Q25" s="357"/>
      <c r="S25" s="122"/>
      <c r="T25" s="118"/>
      <c r="U25" s="370"/>
      <c r="AF25" s="132" t="s">
        <v>132</v>
      </c>
      <c r="AG25" s="133" t="s">
        <v>131</v>
      </c>
      <c r="AH25" s="134" t="str">
        <f>B25&amp;"："&amp;C25&amp;"・"&amp;I25&amp;"・"&amp;K25</f>
        <v>：・・</v>
      </c>
    </row>
    <row r="26" spans="1:34" ht="42.75" customHeight="1">
      <c r="A26" s="135"/>
      <c r="B26" s="358"/>
      <c r="C26" s="359"/>
      <c r="D26" s="359"/>
      <c r="E26" s="360"/>
      <c r="F26" s="361"/>
      <c r="G26" s="362"/>
      <c r="H26" s="362"/>
      <c r="I26" s="362"/>
      <c r="J26" s="362"/>
      <c r="K26" s="362"/>
      <c r="L26" s="362"/>
      <c r="M26" s="362"/>
      <c r="N26" s="362"/>
      <c r="O26" s="362"/>
      <c r="P26" s="363"/>
      <c r="Q26" s="357"/>
      <c r="S26" s="122"/>
      <c r="T26" s="118"/>
      <c r="U26" s="123"/>
      <c r="AG26" s="136" t="s">
        <v>133</v>
      </c>
      <c r="AH26" s="134" t="str">
        <f>B26&amp;"："&amp;C26&amp;"・"&amp;I26&amp;"・"&amp;K26</f>
        <v>：・・</v>
      </c>
    </row>
    <row r="27" spans="1:34" ht="42.75" customHeight="1">
      <c r="A27" s="135"/>
      <c r="B27" s="364"/>
      <c r="C27" s="359"/>
      <c r="D27" s="359"/>
      <c r="E27" s="360"/>
      <c r="F27" s="361"/>
      <c r="G27" s="362"/>
      <c r="H27" s="362"/>
      <c r="I27" s="362"/>
      <c r="J27" s="362"/>
      <c r="K27" s="362"/>
      <c r="L27" s="362"/>
      <c r="M27" s="362"/>
      <c r="N27" s="362"/>
      <c r="O27" s="362"/>
      <c r="P27" s="363"/>
      <c r="S27" s="122"/>
      <c r="T27" s="118"/>
      <c r="U27" s="123"/>
      <c r="AG27" s="136" t="s">
        <v>133</v>
      </c>
      <c r="AH27" s="134" t="str">
        <f>B27&amp;"："&amp;C27&amp;"・"&amp;I27&amp;"・"&amp;K27</f>
        <v>：・・</v>
      </c>
    </row>
    <row r="28" spans="1:34" ht="11.25" customHeight="1">
      <c r="N28" s="124"/>
      <c r="S28" s="122"/>
      <c r="T28" s="118"/>
      <c r="U28" s="123"/>
    </row>
    <row r="29" spans="1:34">
      <c r="A29" s="137" t="s">
        <v>134</v>
      </c>
      <c r="B29" s="137"/>
      <c r="C29" s="137"/>
      <c r="D29" s="137"/>
      <c r="E29" s="137"/>
      <c r="F29" s="137"/>
      <c r="G29" s="137"/>
      <c r="H29" s="137"/>
      <c r="I29" s="137"/>
      <c r="J29" s="137"/>
      <c r="K29" s="137"/>
      <c r="L29" s="137"/>
      <c r="M29" s="137"/>
      <c r="N29" s="137"/>
      <c r="S29" s="122"/>
    </row>
    <row r="30" spans="1:34">
      <c r="A30" s="138" t="s">
        <v>135</v>
      </c>
      <c r="B30" s="137" t="s">
        <v>145</v>
      </c>
      <c r="C30" s="137"/>
      <c r="D30" s="137"/>
      <c r="E30" s="137"/>
      <c r="F30" s="137"/>
      <c r="G30" s="137"/>
      <c r="H30" s="137"/>
      <c r="I30" s="137"/>
      <c r="J30" s="137"/>
      <c r="K30" s="137"/>
      <c r="L30" s="137"/>
      <c r="M30" s="137"/>
      <c r="N30" s="137"/>
      <c r="S30" s="122"/>
    </row>
    <row r="31" spans="1:34">
      <c r="A31" s="138"/>
      <c r="B31" s="139"/>
      <c r="C31" s="139"/>
      <c r="D31" s="139"/>
      <c r="E31" s="139"/>
      <c r="F31" s="139"/>
      <c r="G31" s="139"/>
      <c r="H31" s="139"/>
      <c r="I31" s="139"/>
      <c r="J31" s="139"/>
      <c r="K31" s="139"/>
      <c r="L31" s="139"/>
      <c r="M31" s="139"/>
      <c r="N31" s="139"/>
      <c r="S31" s="122"/>
    </row>
    <row r="32" spans="1:34" ht="11.25" customHeight="1">
      <c r="S32" s="122"/>
      <c r="T32" s="118"/>
      <c r="U32" s="123"/>
    </row>
    <row r="33" spans="2:21" ht="11.25" customHeight="1">
      <c r="B33" s="91"/>
      <c r="C33" s="91"/>
      <c r="D33" s="91"/>
      <c r="E33" s="91"/>
      <c r="F33" s="91"/>
      <c r="G33" s="91"/>
      <c r="H33" s="91"/>
      <c r="I33" s="91"/>
      <c r="J33" s="91"/>
      <c r="K33" s="91"/>
      <c r="L33" s="91"/>
      <c r="M33" s="91"/>
      <c r="N33" s="91"/>
      <c r="O33" s="91"/>
      <c r="P33" s="91"/>
      <c r="S33" s="122"/>
      <c r="T33" s="118"/>
      <c r="U33" s="123"/>
    </row>
    <row r="34" spans="2:21" ht="11.25" customHeight="1">
      <c r="J34" s="365" t="s">
        <v>117</v>
      </c>
      <c r="K34" s="365"/>
      <c r="L34" s="365"/>
      <c r="M34" s="365"/>
      <c r="N34" s="365"/>
      <c r="O34" s="365"/>
      <c r="P34" s="365"/>
      <c r="S34" s="122"/>
      <c r="T34" s="118"/>
      <c r="U34" s="123"/>
    </row>
    <row r="35" spans="2:21" ht="11.25" customHeight="1">
      <c r="J35" s="365"/>
      <c r="K35" s="365"/>
      <c r="L35" s="365"/>
      <c r="M35" s="365"/>
      <c r="N35" s="365"/>
      <c r="O35" s="365"/>
      <c r="P35" s="365"/>
      <c r="S35" s="122"/>
      <c r="T35" s="118"/>
      <c r="U35" s="123"/>
    </row>
    <row r="36" spans="2:21" ht="11.25" customHeight="1">
      <c r="J36" s="366"/>
      <c r="K36" s="367"/>
      <c r="L36" s="367"/>
      <c r="M36" s="367"/>
      <c r="N36" s="367"/>
      <c r="O36" s="367"/>
      <c r="P36" s="367"/>
      <c r="S36" s="122"/>
      <c r="T36" s="118"/>
      <c r="U36" s="368" t="s">
        <v>136</v>
      </c>
    </row>
    <row r="37" spans="2:21" ht="11.25" customHeight="1">
      <c r="J37" s="367"/>
      <c r="K37" s="367"/>
      <c r="L37" s="367"/>
      <c r="M37" s="367"/>
      <c r="N37" s="367"/>
      <c r="O37" s="367"/>
      <c r="P37" s="367"/>
      <c r="S37" s="122"/>
      <c r="T37" s="118"/>
      <c r="U37" s="368"/>
    </row>
    <row r="38" spans="2:21" ht="11.25" customHeight="1">
      <c r="J38" s="367"/>
      <c r="K38" s="367"/>
      <c r="L38" s="367"/>
      <c r="M38" s="367"/>
      <c r="N38" s="367"/>
      <c r="O38" s="367"/>
      <c r="P38" s="367"/>
      <c r="S38" s="122"/>
      <c r="T38" s="118"/>
      <c r="U38" s="368"/>
    </row>
    <row r="39" spans="2:21" ht="11.25" customHeight="1">
      <c r="J39" s="367"/>
      <c r="K39" s="367"/>
      <c r="L39" s="367"/>
      <c r="M39" s="367"/>
      <c r="N39" s="367"/>
      <c r="O39" s="367"/>
      <c r="P39" s="367"/>
      <c r="S39" s="122"/>
      <c r="T39" s="118"/>
      <c r="U39" s="368"/>
    </row>
    <row r="40" spans="2:21" ht="11.25" customHeight="1">
      <c r="J40" s="367"/>
      <c r="K40" s="367"/>
      <c r="L40" s="367"/>
      <c r="M40" s="367"/>
      <c r="N40" s="367"/>
      <c r="O40" s="367"/>
      <c r="P40" s="367"/>
      <c r="S40" s="122"/>
      <c r="T40" s="118"/>
      <c r="U40" s="368"/>
    </row>
    <row r="41" spans="2:21" ht="11.25" customHeight="1">
      <c r="J41" s="367"/>
      <c r="K41" s="367"/>
      <c r="L41" s="367"/>
      <c r="M41" s="367"/>
      <c r="N41" s="367"/>
      <c r="O41" s="367"/>
      <c r="P41" s="367"/>
      <c r="S41" s="122"/>
      <c r="T41" s="118"/>
      <c r="U41" s="368"/>
    </row>
    <row r="42" spans="2:21" ht="11.25" customHeight="1" thickBot="1">
      <c r="J42" s="367"/>
      <c r="K42" s="367"/>
      <c r="L42" s="367"/>
      <c r="M42" s="367"/>
      <c r="N42" s="367"/>
      <c r="O42" s="367"/>
      <c r="P42" s="367"/>
      <c r="S42" s="140"/>
      <c r="T42" s="141"/>
      <c r="U42" s="369"/>
    </row>
    <row r="43" spans="2:21" ht="11.25" customHeight="1"/>
    <row r="44" spans="2:21" ht="11.25" customHeight="1"/>
    <row r="45" spans="2:21" ht="11.25" customHeight="1"/>
    <row r="46" spans="2:21" ht="11.25" customHeight="1"/>
    <row r="47" spans="2:21" ht="11.25" customHeight="1"/>
    <row r="48" spans="2:21" ht="11.25" customHeight="1"/>
    <row r="49" ht="11.25" customHeight="1"/>
  </sheetData>
  <mergeCells count="27">
    <mergeCell ref="J34:P35"/>
    <mergeCell ref="J36:P42"/>
    <mergeCell ref="U36:U42"/>
    <mergeCell ref="U24:U25"/>
    <mergeCell ref="B25:E25"/>
    <mergeCell ref="F25:P25"/>
    <mergeCell ref="B27:E27"/>
    <mergeCell ref="F27:P27"/>
    <mergeCell ref="C14:F14"/>
    <mergeCell ref="G14:P14"/>
    <mergeCell ref="A19:Q19"/>
    <mergeCell ref="B22:E22"/>
    <mergeCell ref="F22:P22"/>
    <mergeCell ref="Q22:Q26"/>
    <mergeCell ref="B26:E26"/>
    <mergeCell ref="F26:P26"/>
    <mergeCell ref="B23:E23"/>
    <mergeCell ref="F23:P23"/>
    <mergeCell ref="B24:E24"/>
    <mergeCell ref="F24:P24"/>
    <mergeCell ref="D13:F13"/>
    <mergeCell ref="G13:P13"/>
    <mergeCell ref="A2:Q2"/>
    <mergeCell ref="S2:U2"/>
    <mergeCell ref="O6:Q6"/>
    <mergeCell ref="D12:F12"/>
    <mergeCell ref="G12:P12"/>
  </mergeCells>
  <phoneticPr fontId="6"/>
  <conditionalFormatting sqref="G12:G14 H13:O14 R6:R7 O6:Q6">
    <cfRule type="cellIs" dxfId="7" priority="4" stopIfTrue="1" operator="equal">
      <formula>""</formula>
    </cfRule>
  </conditionalFormatting>
  <conditionalFormatting sqref="F23:F26 B23:B27">
    <cfRule type="cellIs" dxfId="6" priority="3" operator="equal">
      <formula>""</formula>
    </cfRule>
  </conditionalFormatting>
  <conditionalFormatting sqref="K34:P35 J34:J36">
    <cfRule type="cellIs" dxfId="5" priority="2" operator="equal">
      <formula>""</formula>
    </cfRule>
  </conditionalFormatting>
  <conditionalFormatting sqref="F27">
    <cfRule type="cellIs" dxfId="4" priority="1" operator="equal">
      <formula>""</formula>
    </cfRule>
  </conditionalFormatting>
  <dataValidations count="6">
    <dataValidation type="custom" imeMode="halfAlpha" allowBlank="1" showInputMessage="1" showErrorMessage="1" errorTitle="入力内容に誤りがあります" error="半角英数字で入力してください" sqref="WVK983046:WVO983048 WLO983046:WLS983048 WBS983046:WBW983048 VRW983046:VSA983048 VIA983046:VIE983048 UYE983046:UYI983048 UOI983046:UOM983048 UEM983046:UEQ983048 TUQ983046:TUU983048 TKU983046:TKY983048 TAY983046:TBC983048 SRC983046:SRG983048 SHG983046:SHK983048 RXK983046:RXO983048 RNO983046:RNS983048 RDS983046:RDW983048 QTW983046:QUA983048 QKA983046:QKE983048 QAE983046:QAI983048 PQI983046:PQM983048 PGM983046:PGQ983048 OWQ983046:OWU983048 OMU983046:OMY983048 OCY983046:ODC983048 NTC983046:NTG983048 NJG983046:NJK983048 MZK983046:MZO983048 MPO983046:MPS983048 MFS983046:MFW983048 LVW983046:LWA983048 LMA983046:LME983048 LCE983046:LCI983048 KSI983046:KSM983048 KIM983046:KIQ983048 JYQ983046:JYU983048 JOU983046:JOY983048 JEY983046:JFC983048 IVC983046:IVG983048 ILG983046:ILK983048 IBK983046:IBO983048 HRO983046:HRS983048 HHS983046:HHW983048 GXW983046:GYA983048 GOA983046:GOE983048 GEE983046:GEI983048 FUI983046:FUM983048 FKM983046:FKQ983048 FAQ983046:FAU983048 EQU983046:EQY983048 EGY983046:EHC983048 DXC983046:DXG983048 DNG983046:DNK983048 DDK983046:DDO983048 CTO983046:CTS983048 CJS983046:CJW983048 BZW983046:CAA983048 BQA983046:BQE983048 BGE983046:BGI983048 AWI983046:AWM983048 AMM983046:AMQ983048 ACQ983046:ACU983048 SU983046:SY983048 IY983046:JC983048 I983046:M983048 WVK917510:WVO917512 WLO917510:WLS917512 WBS917510:WBW917512 VRW917510:VSA917512 VIA917510:VIE917512 UYE917510:UYI917512 UOI917510:UOM917512 UEM917510:UEQ917512 TUQ917510:TUU917512 TKU917510:TKY917512 TAY917510:TBC917512 SRC917510:SRG917512 SHG917510:SHK917512 RXK917510:RXO917512 RNO917510:RNS917512 RDS917510:RDW917512 QTW917510:QUA917512 QKA917510:QKE917512 QAE917510:QAI917512 PQI917510:PQM917512 PGM917510:PGQ917512 OWQ917510:OWU917512 OMU917510:OMY917512 OCY917510:ODC917512 NTC917510:NTG917512 NJG917510:NJK917512 MZK917510:MZO917512 MPO917510:MPS917512 MFS917510:MFW917512 LVW917510:LWA917512 LMA917510:LME917512 LCE917510:LCI917512 KSI917510:KSM917512 KIM917510:KIQ917512 JYQ917510:JYU917512 JOU917510:JOY917512 JEY917510:JFC917512 IVC917510:IVG917512 ILG917510:ILK917512 IBK917510:IBO917512 HRO917510:HRS917512 HHS917510:HHW917512 GXW917510:GYA917512 GOA917510:GOE917512 GEE917510:GEI917512 FUI917510:FUM917512 FKM917510:FKQ917512 FAQ917510:FAU917512 EQU917510:EQY917512 EGY917510:EHC917512 DXC917510:DXG917512 DNG917510:DNK917512 DDK917510:DDO917512 CTO917510:CTS917512 CJS917510:CJW917512 BZW917510:CAA917512 BQA917510:BQE917512 BGE917510:BGI917512 AWI917510:AWM917512 AMM917510:AMQ917512 ACQ917510:ACU917512 SU917510:SY917512 IY917510:JC917512 I917510:M917512 WVK851974:WVO851976 WLO851974:WLS851976 WBS851974:WBW851976 VRW851974:VSA851976 VIA851974:VIE851976 UYE851974:UYI851976 UOI851974:UOM851976 UEM851974:UEQ851976 TUQ851974:TUU851976 TKU851974:TKY851976 TAY851974:TBC851976 SRC851974:SRG851976 SHG851974:SHK851976 RXK851974:RXO851976 RNO851974:RNS851976 RDS851974:RDW851976 QTW851974:QUA851976 QKA851974:QKE851976 QAE851974:QAI851976 PQI851974:PQM851976 PGM851974:PGQ851976 OWQ851974:OWU851976 OMU851974:OMY851976 OCY851974:ODC851976 NTC851974:NTG851976 NJG851974:NJK851976 MZK851974:MZO851976 MPO851974:MPS851976 MFS851974:MFW851976 LVW851974:LWA851976 LMA851974:LME851976 LCE851974:LCI851976 KSI851974:KSM851976 KIM851974:KIQ851976 JYQ851974:JYU851976 JOU851974:JOY851976 JEY851974:JFC851976 IVC851974:IVG851976 ILG851974:ILK851976 IBK851974:IBO851976 HRO851974:HRS851976 HHS851974:HHW851976 GXW851974:GYA851976 GOA851974:GOE851976 GEE851974:GEI851976 FUI851974:FUM851976 FKM851974:FKQ851976 FAQ851974:FAU851976 EQU851974:EQY851976 EGY851974:EHC851976 DXC851974:DXG851976 DNG851974:DNK851976 DDK851974:DDO851976 CTO851974:CTS851976 CJS851974:CJW851976 BZW851974:CAA851976 BQA851974:BQE851976 BGE851974:BGI851976 AWI851974:AWM851976 AMM851974:AMQ851976 ACQ851974:ACU851976 SU851974:SY851976 IY851974:JC851976 I851974:M851976 WVK786438:WVO786440 WLO786438:WLS786440 WBS786438:WBW786440 VRW786438:VSA786440 VIA786438:VIE786440 UYE786438:UYI786440 UOI786438:UOM786440 UEM786438:UEQ786440 TUQ786438:TUU786440 TKU786438:TKY786440 TAY786438:TBC786440 SRC786438:SRG786440 SHG786438:SHK786440 RXK786438:RXO786440 RNO786438:RNS786440 RDS786438:RDW786440 QTW786438:QUA786440 QKA786438:QKE786440 QAE786438:QAI786440 PQI786438:PQM786440 PGM786438:PGQ786440 OWQ786438:OWU786440 OMU786438:OMY786440 OCY786438:ODC786440 NTC786438:NTG786440 NJG786438:NJK786440 MZK786438:MZO786440 MPO786438:MPS786440 MFS786438:MFW786440 LVW786438:LWA786440 LMA786438:LME786440 LCE786438:LCI786440 KSI786438:KSM786440 KIM786438:KIQ786440 JYQ786438:JYU786440 JOU786438:JOY786440 JEY786438:JFC786440 IVC786438:IVG786440 ILG786438:ILK786440 IBK786438:IBO786440 HRO786438:HRS786440 HHS786438:HHW786440 GXW786438:GYA786440 GOA786438:GOE786440 GEE786438:GEI786440 FUI786438:FUM786440 FKM786438:FKQ786440 FAQ786438:FAU786440 EQU786438:EQY786440 EGY786438:EHC786440 DXC786438:DXG786440 DNG786438:DNK786440 DDK786438:DDO786440 CTO786438:CTS786440 CJS786438:CJW786440 BZW786438:CAA786440 BQA786438:BQE786440 BGE786438:BGI786440 AWI786438:AWM786440 AMM786438:AMQ786440 ACQ786438:ACU786440 SU786438:SY786440 IY786438:JC786440 I786438:M786440 WVK720902:WVO720904 WLO720902:WLS720904 WBS720902:WBW720904 VRW720902:VSA720904 VIA720902:VIE720904 UYE720902:UYI720904 UOI720902:UOM720904 UEM720902:UEQ720904 TUQ720902:TUU720904 TKU720902:TKY720904 TAY720902:TBC720904 SRC720902:SRG720904 SHG720902:SHK720904 RXK720902:RXO720904 RNO720902:RNS720904 RDS720902:RDW720904 QTW720902:QUA720904 QKA720902:QKE720904 QAE720902:QAI720904 PQI720902:PQM720904 PGM720902:PGQ720904 OWQ720902:OWU720904 OMU720902:OMY720904 OCY720902:ODC720904 NTC720902:NTG720904 NJG720902:NJK720904 MZK720902:MZO720904 MPO720902:MPS720904 MFS720902:MFW720904 LVW720902:LWA720904 LMA720902:LME720904 LCE720902:LCI720904 KSI720902:KSM720904 KIM720902:KIQ720904 JYQ720902:JYU720904 JOU720902:JOY720904 JEY720902:JFC720904 IVC720902:IVG720904 ILG720902:ILK720904 IBK720902:IBO720904 HRO720902:HRS720904 HHS720902:HHW720904 GXW720902:GYA720904 GOA720902:GOE720904 GEE720902:GEI720904 FUI720902:FUM720904 FKM720902:FKQ720904 FAQ720902:FAU720904 EQU720902:EQY720904 EGY720902:EHC720904 DXC720902:DXG720904 DNG720902:DNK720904 DDK720902:DDO720904 CTO720902:CTS720904 CJS720902:CJW720904 BZW720902:CAA720904 BQA720902:BQE720904 BGE720902:BGI720904 AWI720902:AWM720904 AMM720902:AMQ720904 ACQ720902:ACU720904 SU720902:SY720904 IY720902:JC720904 I720902:M720904 WVK655366:WVO655368 WLO655366:WLS655368 WBS655366:WBW655368 VRW655366:VSA655368 VIA655366:VIE655368 UYE655366:UYI655368 UOI655366:UOM655368 UEM655366:UEQ655368 TUQ655366:TUU655368 TKU655366:TKY655368 TAY655366:TBC655368 SRC655366:SRG655368 SHG655366:SHK655368 RXK655366:RXO655368 RNO655366:RNS655368 RDS655366:RDW655368 QTW655366:QUA655368 QKA655366:QKE655368 QAE655366:QAI655368 PQI655366:PQM655368 PGM655366:PGQ655368 OWQ655366:OWU655368 OMU655366:OMY655368 OCY655366:ODC655368 NTC655366:NTG655368 NJG655366:NJK655368 MZK655366:MZO655368 MPO655366:MPS655368 MFS655366:MFW655368 LVW655366:LWA655368 LMA655366:LME655368 LCE655366:LCI655368 KSI655366:KSM655368 KIM655366:KIQ655368 JYQ655366:JYU655368 JOU655366:JOY655368 JEY655366:JFC655368 IVC655366:IVG655368 ILG655366:ILK655368 IBK655366:IBO655368 HRO655366:HRS655368 HHS655366:HHW655368 GXW655366:GYA655368 GOA655366:GOE655368 GEE655366:GEI655368 FUI655366:FUM655368 FKM655366:FKQ655368 FAQ655366:FAU655368 EQU655366:EQY655368 EGY655366:EHC655368 DXC655366:DXG655368 DNG655366:DNK655368 DDK655366:DDO655368 CTO655366:CTS655368 CJS655366:CJW655368 BZW655366:CAA655368 BQA655366:BQE655368 BGE655366:BGI655368 AWI655366:AWM655368 AMM655366:AMQ655368 ACQ655366:ACU655368 SU655366:SY655368 IY655366:JC655368 I655366:M655368 WVK589830:WVO589832 WLO589830:WLS589832 WBS589830:WBW589832 VRW589830:VSA589832 VIA589830:VIE589832 UYE589830:UYI589832 UOI589830:UOM589832 UEM589830:UEQ589832 TUQ589830:TUU589832 TKU589830:TKY589832 TAY589830:TBC589832 SRC589830:SRG589832 SHG589830:SHK589832 RXK589830:RXO589832 RNO589830:RNS589832 RDS589830:RDW589832 QTW589830:QUA589832 QKA589830:QKE589832 QAE589830:QAI589832 PQI589830:PQM589832 PGM589830:PGQ589832 OWQ589830:OWU589832 OMU589830:OMY589832 OCY589830:ODC589832 NTC589830:NTG589832 NJG589830:NJK589832 MZK589830:MZO589832 MPO589830:MPS589832 MFS589830:MFW589832 LVW589830:LWA589832 LMA589830:LME589832 LCE589830:LCI589832 KSI589830:KSM589832 KIM589830:KIQ589832 JYQ589830:JYU589832 JOU589830:JOY589832 JEY589830:JFC589832 IVC589830:IVG589832 ILG589830:ILK589832 IBK589830:IBO589832 HRO589830:HRS589832 HHS589830:HHW589832 GXW589830:GYA589832 GOA589830:GOE589832 GEE589830:GEI589832 FUI589830:FUM589832 FKM589830:FKQ589832 FAQ589830:FAU589832 EQU589830:EQY589832 EGY589830:EHC589832 DXC589830:DXG589832 DNG589830:DNK589832 DDK589830:DDO589832 CTO589830:CTS589832 CJS589830:CJW589832 BZW589830:CAA589832 BQA589830:BQE589832 BGE589830:BGI589832 AWI589830:AWM589832 AMM589830:AMQ589832 ACQ589830:ACU589832 SU589830:SY589832 IY589830:JC589832 I589830:M589832 WVK524294:WVO524296 WLO524294:WLS524296 WBS524294:WBW524296 VRW524294:VSA524296 VIA524294:VIE524296 UYE524294:UYI524296 UOI524294:UOM524296 UEM524294:UEQ524296 TUQ524294:TUU524296 TKU524294:TKY524296 TAY524294:TBC524296 SRC524294:SRG524296 SHG524294:SHK524296 RXK524294:RXO524296 RNO524294:RNS524296 RDS524294:RDW524296 QTW524294:QUA524296 QKA524294:QKE524296 QAE524294:QAI524296 PQI524294:PQM524296 PGM524294:PGQ524296 OWQ524294:OWU524296 OMU524294:OMY524296 OCY524294:ODC524296 NTC524294:NTG524296 NJG524294:NJK524296 MZK524294:MZO524296 MPO524294:MPS524296 MFS524294:MFW524296 LVW524294:LWA524296 LMA524294:LME524296 LCE524294:LCI524296 KSI524294:KSM524296 KIM524294:KIQ524296 JYQ524294:JYU524296 JOU524294:JOY524296 JEY524294:JFC524296 IVC524294:IVG524296 ILG524294:ILK524296 IBK524294:IBO524296 HRO524294:HRS524296 HHS524294:HHW524296 GXW524294:GYA524296 GOA524294:GOE524296 GEE524294:GEI524296 FUI524294:FUM524296 FKM524294:FKQ524296 FAQ524294:FAU524296 EQU524294:EQY524296 EGY524294:EHC524296 DXC524294:DXG524296 DNG524294:DNK524296 DDK524294:DDO524296 CTO524294:CTS524296 CJS524294:CJW524296 BZW524294:CAA524296 BQA524294:BQE524296 BGE524294:BGI524296 AWI524294:AWM524296 AMM524294:AMQ524296 ACQ524294:ACU524296 SU524294:SY524296 IY524294:JC524296 I524294:M524296 WVK458758:WVO458760 WLO458758:WLS458760 WBS458758:WBW458760 VRW458758:VSA458760 VIA458758:VIE458760 UYE458758:UYI458760 UOI458758:UOM458760 UEM458758:UEQ458760 TUQ458758:TUU458760 TKU458758:TKY458760 TAY458758:TBC458760 SRC458758:SRG458760 SHG458758:SHK458760 RXK458758:RXO458760 RNO458758:RNS458760 RDS458758:RDW458760 QTW458758:QUA458760 QKA458758:QKE458760 QAE458758:QAI458760 PQI458758:PQM458760 PGM458758:PGQ458760 OWQ458758:OWU458760 OMU458758:OMY458760 OCY458758:ODC458760 NTC458758:NTG458760 NJG458758:NJK458760 MZK458758:MZO458760 MPO458758:MPS458760 MFS458758:MFW458760 LVW458758:LWA458760 LMA458758:LME458760 LCE458758:LCI458760 KSI458758:KSM458760 KIM458758:KIQ458760 JYQ458758:JYU458760 JOU458758:JOY458760 JEY458758:JFC458760 IVC458758:IVG458760 ILG458758:ILK458760 IBK458758:IBO458760 HRO458758:HRS458760 HHS458758:HHW458760 GXW458758:GYA458760 GOA458758:GOE458760 GEE458758:GEI458760 FUI458758:FUM458760 FKM458758:FKQ458760 FAQ458758:FAU458760 EQU458758:EQY458760 EGY458758:EHC458760 DXC458758:DXG458760 DNG458758:DNK458760 DDK458758:DDO458760 CTO458758:CTS458760 CJS458758:CJW458760 BZW458758:CAA458760 BQA458758:BQE458760 BGE458758:BGI458760 AWI458758:AWM458760 AMM458758:AMQ458760 ACQ458758:ACU458760 SU458758:SY458760 IY458758:JC458760 I458758:M458760 WVK393222:WVO393224 WLO393222:WLS393224 WBS393222:WBW393224 VRW393222:VSA393224 VIA393222:VIE393224 UYE393222:UYI393224 UOI393222:UOM393224 UEM393222:UEQ393224 TUQ393222:TUU393224 TKU393222:TKY393224 TAY393222:TBC393224 SRC393222:SRG393224 SHG393222:SHK393224 RXK393222:RXO393224 RNO393222:RNS393224 RDS393222:RDW393224 QTW393222:QUA393224 QKA393222:QKE393224 QAE393222:QAI393224 PQI393222:PQM393224 PGM393222:PGQ393224 OWQ393222:OWU393224 OMU393222:OMY393224 OCY393222:ODC393224 NTC393222:NTG393224 NJG393222:NJK393224 MZK393222:MZO393224 MPO393222:MPS393224 MFS393222:MFW393224 LVW393222:LWA393224 LMA393222:LME393224 LCE393222:LCI393224 KSI393222:KSM393224 KIM393222:KIQ393224 JYQ393222:JYU393224 JOU393222:JOY393224 JEY393222:JFC393224 IVC393222:IVG393224 ILG393222:ILK393224 IBK393222:IBO393224 HRO393222:HRS393224 HHS393222:HHW393224 GXW393222:GYA393224 GOA393222:GOE393224 GEE393222:GEI393224 FUI393222:FUM393224 FKM393222:FKQ393224 FAQ393222:FAU393224 EQU393222:EQY393224 EGY393222:EHC393224 DXC393222:DXG393224 DNG393222:DNK393224 DDK393222:DDO393224 CTO393222:CTS393224 CJS393222:CJW393224 BZW393222:CAA393224 BQA393222:BQE393224 BGE393222:BGI393224 AWI393222:AWM393224 AMM393222:AMQ393224 ACQ393222:ACU393224 SU393222:SY393224 IY393222:JC393224 I393222:M393224 WVK327686:WVO327688 WLO327686:WLS327688 WBS327686:WBW327688 VRW327686:VSA327688 VIA327686:VIE327688 UYE327686:UYI327688 UOI327686:UOM327688 UEM327686:UEQ327688 TUQ327686:TUU327688 TKU327686:TKY327688 TAY327686:TBC327688 SRC327686:SRG327688 SHG327686:SHK327688 RXK327686:RXO327688 RNO327686:RNS327688 RDS327686:RDW327688 QTW327686:QUA327688 QKA327686:QKE327688 QAE327686:QAI327688 PQI327686:PQM327688 PGM327686:PGQ327688 OWQ327686:OWU327688 OMU327686:OMY327688 OCY327686:ODC327688 NTC327686:NTG327688 NJG327686:NJK327688 MZK327686:MZO327688 MPO327686:MPS327688 MFS327686:MFW327688 LVW327686:LWA327688 LMA327686:LME327688 LCE327686:LCI327688 KSI327686:KSM327688 KIM327686:KIQ327688 JYQ327686:JYU327688 JOU327686:JOY327688 JEY327686:JFC327688 IVC327686:IVG327688 ILG327686:ILK327688 IBK327686:IBO327688 HRO327686:HRS327688 HHS327686:HHW327688 GXW327686:GYA327688 GOA327686:GOE327688 GEE327686:GEI327688 FUI327686:FUM327688 FKM327686:FKQ327688 FAQ327686:FAU327688 EQU327686:EQY327688 EGY327686:EHC327688 DXC327686:DXG327688 DNG327686:DNK327688 DDK327686:DDO327688 CTO327686:CTS327688 CJS327686:CJW327688 BZW327686:CAA327688 BQA327686:BQE327688 BGE327686:BGI327688 AWI327686:AWM327688 AMM327686:AMQ327688 ACQ327686:ACU327688 SU327686:SY327688 IY327686:JC327688 I327686:M327688 WVK262150:WVO262152 WLO262150:WLS262152 WBS262150:WBW262152 VRW262150:VSA262152 VIA262150:VIE262152 UYE262150:UYI262152 UOI262150:UOM262152 UEM262150:UEQ262152 TUQ262150:TUU262152 TKU262150:TKY262152 TAY262150:TBC262152 SRC262150:SRG262152 SHG262150:SHK262152 RXK262150:RXO262152 RNO262150:RNS262152 RDS262150:RDW262152 QTW262150:QUA262152 QKA262150:QKE262152 QAE262150:QAI262152 PQI262150:PQM262152 PGM262150:PGQ262152 OWQ262150:OWU262152 OMU262150:OMY262152 OCY262150:ODC262152 NTC262150:NTG262152 NJG262150:NJK262152 MZK262150:MZO262152 MPO262150:MPS262152 MFS262150:MFW262152 LVW262150:LWA262152 LMA262150:LME262152 LCE262150:LCI262152 KSI262150:KSM262152 KIM262150:KIQ262152 JYQ262150:JYU262152 JOU262150:JOY262152 JEY262150:JFC262152 IVC262150:IVG262152 ILG262150:ILK262152 IBK262150:IBO262152 HRO262150:HRS262152 HHS262150:HHW262152 GXW262150:GYA262152 GOA262150:GOE262152 GEE262150:GEI262152 FUI262150:FUM262152 FKM262150:FKQ262152 FAQ262150:FAU262152 EQU262150:EQY262152 EGY262150:EHC262152 DXC262150:DXG262152 DNG262150:DNK262152 DDK262150:DDO262152 CTO262150:CTS262152 CJS262150:CJW262152 BZW262150:CAA262152 BQA262150:BQE262152 BGE262150:BGI262152 AWI262150:AWM262152 AMM262150:AMQ262152 ACQ262150:ACU262152 SU262150:SY262152 IY262150:JC262152 I262150:M262152 WVK196614:WVO196616 WLO196614:WLS196616 WBS196614:WBW196616 VRW196614:VSA196616 VIA196614:VIE196616 UYE196614:UYI196616 UOI196614:UOM196616 UEM196614:UEQ196616 TUQ196614:TUU196616 TKU196614:TKY196616 TAY196614:TBC196616 SRC196614:SRG196616 SHG196614:SHK196616 RXK196614:RXO196616 RNO196614:RNS196616 RDS196614:RDW196616 QTW196614:QUA196616 QKA196614:QKE196616 QAE196614:QAI196616 PQI196614:PQM196616 PGM196614:PGQ196616 OWQ196614:OWU196616 OMU196614:OMY196616 OCY196614:ODC196616 NTC196614:NTG196616 NJG196614:NJK196616 MZK196614:MZO196616 MPO196614:MPS196616 MFS196614:MFW196616 LVW196614:LWA196616 LMA196614:LME196616 LCE196614:LCI196616 KSI196614:KSM196616 KIM196614:KIQ196616 JYQ196614:JYU196616 JOU196614:JOY196616 JEY196614:JFC196616 IVC196614:IVG196616 ILG196614:ILK196616 IBK196614:IBO196616 HRO196614:HRS196616 HHS196614:HHW196616 GXW196614:GYA196616 GOA196614:GOE196616 GEE196614:GEI196616 FUI196614:FUM196616 FKM196614:FKQ196616 FAQ196614:FAU196616 EQU196614:EQY196616 EGY196614:EHC196616 DXC196614:DXG196616 DNG196614:DNK196616 DDK196614:DDO196616 CTO196614:CTS196616 CJS196614:CJW196616 BZW196614:CAA196616 BQA196614:BQE196616 BGE196614:BGI196616 AWI196614:AWM196616 AMM196614:AMQ196616 ACQ196614:ACU196616 SU196614:SY196616 IY196614:JC196616 I196614:M196616 WVK131078:WVO131080 WLO131078:WLS131080 WBS131078:WBW131080 VRW131078:VSA131080 VIA131078:VIE131080 UYE131078:UYI131080 UOI131078:UOM131080 UEM131078:UEQ131080 TUQ131078:TUU131080 TKU131078:TKY131080 TAY131078:TBC131080 SRC131078:SRG131080 SHG131078:SHK131080 RXK131078:RXO131080 RNO131078:RNS131080 RDS131078:RDW131080 QTW131078:QUA131080 QKA131078:QKE131080 QAE131078:QAI131080 PQI131078:PQM131080 PGM131078:PGQ131080 OWQ131078:OWU131080 OMU131078:OMY131080 OCY131078:ODC131080 NTC131078:NTG131080 NJG131078:NJK131080 MZK131078:MZO131080 MPO131078:MPS131080 MFS131078:MFW131080 LVW131078:LWA131080 LMA131078:LME131080 LCE131078:LCI131080 KSI131078:KSM131080 KIM131078:KIQ131080 JYQ131078:JYU131080 JOU131078:JOY131080 JEY131078:JFC131080 IVC131078:IVG131080 ILG131078:ILK131080 IBK131078:IBO131080 HRO131078:HRS131080 HHS131078:HHW131080 GXW131078:GYA131080 GOA131078:GOE131080 GEE131078:GEI131080 FUI131078:FUM131080 FKM131078:FKQ131080 FAQ131078:FAU131080 EQU131078:EQY131080 EGY131078:EHC131080 DXC131078:DXG131080 DNG131078:DNK131080 DDK131078:DDO131080 CTO131078:CTS131080 CJS131078:CJW131080 BZW131078:CAA131080 BQA131078:BQE131080 BGE131078:BGI131080 AWI131078:AWM131080 AMM131078:AMQ131080 ACQ131078:ACU131080 SU131078:SY131080 IY131078:JC131080 I131078:M131080 WVK65542:WVO65544 WLO65542:WLS65544 WBS65542:WBW65544 VRW65542:VSA65544 VIA65542:VIE65544 UYE65542:UYI65544 UOI65542:UOM65544 UEM65542:UEQ65544 TUQ65542:TUU65544 TKU65542:TKY65544 TAY65542:TBC65544 SRC65542:SRG65544 SHG65542:SHK65544 RXK65542:RXO65544 RNO65542:RNS65544 RDS65542:RDW65544 QTW65542:QUA65544 QKA65542:QKE65544 QAE65542:QAI65544 PQI65542:PQM65544 PGM65542:PGQ65544 OWQ65542:OWU65544 OMU65542:OMY65544 OCY65542:ODC65544 NTC65542:NTG65544 NJG65542:NJK65544 MZK65542:MZO65544 MPO65542:MPS65544 MFS65542:MFW65544 LVW65542:LWA65544 LMA65542:LME65544 LCE65542:LCI65544 KSI65542:KSM65544 KIM65542:KIQ65544 JYQ65542:JYU65544 JOU65542:JOY65544 JEY65542:JFC65544 IVC65542:IVG65544 ILG65542:ILK65544 IBK65542:IBO65544 HRO65542:HRS65544 HHS65542:HHW65544 GXW65542:GYA65544 GOA65542:GOE65544 GEE65542:GEI65544 FUI65542:FUM65544 FKM65542:FKQ65544 FAQ65542:FAU65544 EQU65542:EQY65544 EGY65542:EHC65544 DXC65542:DXG65544 DNG65542:DNK65544 DDK65542:DDO65544 CTO65542:CTS65544 CJS65542:CJW65544 BZW65542:CAA65544 BQA65542:BQE65544 BGE65542:BGI65544 AWI65542:AWM65544 AMM65542:AMQ65544 ACQ65542:ACU65544 SU65542:SY65544 IY65542:JC65544 I65542:M65544 WVK983041:WVK983043 WLO983041:WLO983043 WBS983041:WBS983043 VRW983041:VRW983043 VIA983041:VIA983043 UYE983041:UYE983043 UOI983041:UOI983043 UEM983041:UEM983043 TUQ983041:TUQ983043 TKU983041:TKU983043 TAY983041:TAY983043 SRC983041:SRC983043 SHG983041:SHG983043 RXK983041:RXK983043 RNO983041:RNO983043 RDS983041:RDS983043 QTW983041:QTW983043 QKA983041:QKA983043 QAE983041:QAE983043 PQI983041:PQI983043 PGM983041:PGM983043 OWQ983041:OWQ983043 OMU983041:OMU983043 OCY983041:OCY983043 NTC983041:NTC983043 NJG983041:NJG983043 MZK983041:MZK983043 MPO983041:MPO983043 MFS983041:MFS983043 LVW983041:LVW983043 LMA983041:LMA983043 LCE983041:LCE983043 KSI983041:KSI983043 KIM983041:KIM983043 JYQ983041:JYQ983043 JOU983041:JOU983043 JEY983041:JEY983043 IVC983041:IVC983043 ILG983041:ILG983043 IBK983041:IBK983043 HRO983041:HRO983043 HHS983041:HHS983043 GXW983041:GXW983043 GOA983041:GOA983043 GEE983041:GEE983043 FUI983041:FUI983043 FKM983041:FKM983043 FAQ983041:FAQ983043 EQU983041:EQU983043 EGY983041:EGY983043 DXC983041:DXC983043 DNG983041:DNG983043 DDK983041:DDK983043 CTO983041:CTO983043 CJS983041:CJS983043 BZW983041:BZW983043 BQA983041:BQA983043 BGE983041:BGE983043 AWI983041:AWI983043 AMM983041:AMM983043 ACQ983041:ACQ983043 SU983041:SU983043 IY983041:IY983043 I983041:I983043 WVK917505:WVK917507 WLO917505:WLO917507 WBS917505:WBS917507 VRW917505:VRW917507 VIA917505:VIA917507 UYE917505:UYE917507 UOI917505:UOI917507 UEM917505:UEM917507 TUQ917505:TUQ917507 TKU917505:TKU917507 TAY917505:TAY917507 SRC917505:SRC917507 SHG917505:SHG917507 RXK917505:RXK917507 RNO917505:RNO917507 RDS917505:RDS917507 QTW917505:QTW917507 QKA917505:QKA917507 QAE917505:QAE917507 PQI917505:PQI917507 PGM917505:PGM917507 OWQ917505:OWQ917507 OMU917505:OMU917507 OCY917505:OCY917507 NTC917505:NTC917507 NJG917505:NJG917507 MZK917505:MZK917507 MPO917505:MPO917507 MFS917505:MFS917507 LVW917505:LVW917507 LMA917505:LMA917507 LCE917505:LCE917507 KSI917505:KSI917507 KIM917505:KIM917507 JYQ917505:JYQ917507 JOU917505:JOU917507 JEY917505:JEY917507 IVC917505:IVC917507 ILG917505:ILG917507 IBK917505:IBK917507 HRO917505:HRO917507 HHS917505:HHS917507 GXW917505:GXW917507 GOA917505:GOA917507 GEE917505:GEE917507 FUI917505:FUI917507 FKM917505:FKM917507 FAQ917505:FAQ917507 EQU917505:EQU917507 EGY917505:EGY917507 DXC917505:DXC917507 DNG917505:DNG917507 DDK917505:DDK917507 CTO917505:CTO917507 CJS917505:CJS917507 BZW917505:BZW917507 BQA917505:BQA917507 BGE917505:BGE917507 AWI917505:AWI917507 AMM917505:AMM917507 ACQ917505:ACQ917507 SU917505:SU917507 IY917505:IY917507 I917505:I917507 WVK851969:WVK851971 WLO851969:WLO851971 WBS851969:WBS851971 VRW851969:VRW851971 VIA851969:VIA851971 UYE851969:UYE851971 UOI851969:UOI851971 UEM851969:UEM851971 TUQ851969:TUQ851971 TKU851969:TKU851971 TAY851969:TAY851971 SRC851969:SRC851971 SHG851969:SHG851971 RXK851969:RXK851971 RNO851969:RNO851971 RDS851969:RDS851971 QTW851969:QTW851971 QKA851969:QKA851971 QAE851969:QAE851971 PQI851969:PQI851971 PGM851969:PGM851971 OWQ851969:OWQ851971 OMU851969:OMU851971 OCY851969:OCY851971 NTC851969:NTC851971 NJG851969:NJG851971 MZK851969:MZK851971 MPO851969:MPO851971 MFS851969:MFS851971 LVW851969:LVW851971 LMA851969:LMA851971 LCE851969:LCE851971 KSI851969:KSI851971 KIM851969:KIM851971 JYQ851969:JYQ851971 JOU851969:JOU851971 JEY851969:JEY851971 IVC851969:IVC851971 ILG851969:ILG851971 IBK851969:IBK851971 HRO851969:HRO851971 HHS851969:HHS851971 GXW851969:GXW851971 GOA851969:GOA851971 GEE851969:GEE851971 FUI851969:FUI851971 FKM851969:FKM851971 FAQ851969:FAQ851971 EQU851969:EQU851971 EGY851969:EGY851971 DXC851969:DXC851971 DNG851969:DNG851971 DDK851969:DDK851971 CTO851969:CTO851971 CJS851969:CJS851971 BZW851969:BZW851971 BQA851969:BQA851971 BGE851969:BGE851971 AWI851969:AWI851971 AMM851969:AMM851971 ACQ851969:ACQ851971 SU851969:SU851971 IY851969:IY851971 I851969:I851971 WVK786433:WVK786435 WLO786433:WLO786435 WBS786433:WBS786435 VRW786433:VRW786435 VIA786433:VIA786435 UYE786433:UYE786435 UOI786433:UOI786435 UEM786433:UEM786435 TUQ786433:TUQ786435 TKU786433:TKU786435 TAY786433:TAY786435 SRC786433:SRC786435 SHG786433:SHG786435 RXK786433:RXK786435 RNO786433:RNO786435 RDS786433:RDS786435 QTW786433:QTW786435 QKA786433:QKA786435 QAE786433:QAE786435 PQI786433:PQI786435 PGM786433:PGM786435 OWQ786433:OWQ786435 OMU786433:OMU786435 OCY786433:OCY786435 NTC786433:NTC786435 NJG786433:NJG786435 MZK786433:MZK786435 MPO786433:MPO786435 MFS786433:MFS786435 LVW786433:LVW786435 LMA786433:LMA786435 LCE786433:LCE786435 KSI786433:KSI786435 KIM786433:KIM786435 JYQ786433:JYQ786435 JOU786433:JOU786435 JEY786433:JEY786435 IVC786433:IVC786435 ILG786433:ILG786435 IBK786433:IBK786435 HRO786433:HRO786435 HHS786433:HHS786435 GXW786433:GXW786435 GOA786433:GOA786435 GEE786433:GEE786435 FUI786433:FUI786435 FKM786433:FKM786435 FAQ786433:FAQ786435 EQU786433:EQU786435 EGY786433:EGY786435 DXC786433:DXC786435 DNG786433:DNG786435 DDK786433:DDK786435 CTO786433:CTO786435 CJS786433:CJS786435 BZW786433:BZW786435 BQA786433:BQA786435 BGE786433:BGE786435 AWI786433:AWI786435 AMM786433:AMM786435 ACQ786433:ACQ786435 SU786433:SU786435 IY786433:IY786435 I786433:I786435 WVK720897:WVK720899 WLO720897:WLO720899 WBS720897:WBS720899 VRW720897:VRW720899 VIA720897:VIA720899 UYE720897:UYE720899 UOI720897:UOI720899 UEM720897:UEM720899 TUQ720897:TUQ720899 TKU720897:TKU720899 TAY720897:TAY720899 SRC720897:SRC720899 SHG720897:SHG720899 RXK720897:RXK720899 RNO720897:RNO720899 RDS720897:RDS720899 QTW720897:QTW720899 QKA720897:QKA720899 QAE720897:QAE720899 PQI720897:PQI720899 PGM720897:PGM720899 OWQ720897:OWQ720899 OMU720897:OMU720899 OCY720897:OCY720899 NTC720897:NTC720899 NJG720897:NJG720899 MZK720897:MZK720899 MPO720897:MPO720899 MFS720897:MFS720899 LVW720897:LVW720899 LMA720897:LMA720899 LCE720897:LCE720899 KSI720897:KSI720899 KIM720897:KIM720899 JYQ720897:JYQ720899 JOU720897:JOU720899 JEY720897:JEY720899 IVC720897:IVC720899 ILG720897:ILG720899 IBK720897:IBK720899 HRO720897:HRO720899 HHS720897:HHS720899 GXW720897:GXW720899 GOA720897:GOA720899 GEE720897:GEE720899 FUI720897:FUI720899 FKM720897:FKM720899 FAQ720897:FAQ720899 EQU720897:EQU720899 EGY720897:EGY720899 DXC720897:DXC720899 DNG720897:DNG720899 DDK720897:DDK720899 CTO720897:CTO720899 CJS720897:CJS720899 BZW720897:BZW720899 BQA720897:BQA720899 BGE720897:BGE720899 AWI720897:AWI720899 AMM720897:AMM720899 ACQ720897:ACQ720899 SU720897:SU720899 IY720897:IY720899 I720897:I720899 WVK655361:WVK655363 WLO655361:WLO655363 WBS655361:WBS655363 VRW655361:VRW655363 VIA655361:VIA655363 UYE655361:UYE655363 UOI655361:UOI655363 UEM655361:UEM655363 TUQ655361:TUQ655363 TKU655361:TKU655363 TAY655361:TAY655363 SRC655361:SRC655363 SHG655361:SHG655363 RXK655361:RXK655363 RNO655361:RNO655363 RDS655361:RDS655363 QTW655361:QTW655363 QKA655361:QKA655363 QAE655361:QAE655363 PQI655361:PQI655363 PGM655361:PGM655363 OWQ655361:OWQ655363 OMU655361:OMU655363 OCY655361:OCY655363 NTC655361:NTC655363 NJG655361:NJG655363 MZK655361:MZK655363 MPO655361:MPO655363 MFS655361:MFS655363 LVW655361:LVW655363 LMA655361:LMA655363 LCE655361:LCE655363 KSI655361:KSI655363 KIM655361:KIM655363 JYQ655361:JYQ655363 JOU655361:JOU655363 JEY655361:JEY655363 IVC655361:IVC655363 ILG655361:ILG655363 IBK655361:IBK655363 HRO655361:HRO655363 HHS655361:HHS655363 GXW655361:GXW655363 GOA655361:GOA655363 GEE655361:GEE655363 FUI655361:FUI655363 FKM655361:FKM655363 FAQ655361:FAQ655363 EQU655361:EQU655363 EGY655361:EGY655363 DXC655361:DXC655363 DNG655361:DNG655363 DDK655361:DDK655363 CTO655361:CTO655363 CJS655361:CJS655363 BZW655361:BZW655363 BQA655361:BQA655363 BGE655361:BGE655363 AWI655361:AWI655363 AMM655361:AMM655363 ACQ655361:ACQ655363 SU655361:SU655363 IY655361:IY655363 I655361:I655363 WVK589825:WVK589827 WLO589825:WLO589827 WBS589825:WBS589827 VRW589825:VRW589827 VIA589825:VIA589827 UYE589825:UYE589827 UOI589825:UOI589827 UEM589825:UEM589827 TUQ589825:TUQ589827 TKU589825:TKU589827 TAY589825:TAY589827 SRC589825:SRC589827 SHG589825:SHG589827 RXK589825:RXK589827 RNO589825:RNO589827 RDS589825:RDS589827 QTW589825:QTW589827 QKA589825:QKA589827 QAE589825:QAE589827 PQI589825:PQI589827 PGM589825:PGM589827 OWQ589825:OWQ589827 OMU589825:OMU589827 OCY589825:OCY589827 NTC589825:NTC589827 NJG589825:NJG589827 MZK589825:MZK589827 MPO589825:MPO589827 MFS589825:MFS589827 LVW589825:LVW589827 LMA589825:LMA589827 LCE589825:LCE589827 KSI589825:KSI589827 KIM589825:KIM589827 JYQ589825:JYQ589827 JOU589825:JOU589827 JEY589825:JEY589827 IVC589825:IVC589827 ILG589825:ILG589827 IBK589825:IBK589827 HRO589825:HRO589827 HHS589825:HHS589827 GXW589825:GXW589827 GOA589825:GOA589827 GEE589825:GEE589827 FUI589825:FUI589827 FKM589825:FKM589827 FAQ589825:FAQ589827 EQU589825:EQU589827 EGY589825:EGY589827 DXC589825:DXC589827 DNG589825:DNG589827 DDK589825:DDK589827 CTO589825:CTO589827 CJS589825:CJS589827 BZW589825:BZW589827 BQA589825:BQA589827 BGE589825:BGE589827 AWI589825:AWI589827 AMM589825:AMM589827 ACQ589825:ACQ589827 SU589825:SU589827 IY589825:IY589827 I589825:I589827 WVK524289:WVK524291 WLO524289:WLO524291 WBS524289:WBS524291 VRW524289:VRW524291 VIA524289:VIA524291 UYE524289:UYE524291 UOI524289:UOI524291 UEM524289:UEM524291 TUQ524289:TUQ524291 TKU524289:TKU524291 TAY524289:TAY524291 SRC524289:SRC524291 SHG524289:SHG524291 RXK524289:RXK524291 RNO524289:RNO524291 RDS524289:RDS524291 QTW524289:QTW524291 QKA524289:QKA524291 QAE524289:QAE524291 PQI524289:PQI524291 PGM524289:PGM524291 OWQ524289:OWQ524291 OMU524289:OMU524291 OCY524289:OCY524291 NTC524289:NTC524291 NJG524289:NJG524291 MZK524289:MZK524291 MPO524289:MPO524291 MFS524289:MFS524291 LVW524289:LVW524291 LMA524289:LMA524291 LCE524289:LCE524291 KSI524289:KSI524291 KIM524289:KIM524291 JYQ524289:JYQ524291 JOU524289:JOU524291 JEY524289:JEY524291 IVC524289:IVC524291 ILG524289:ILG524291 IBK524289:IBK524291 HRO524289:HRO524291 HHS524289:HHS524291 GXW524289:GXW524291 GOA524289:GOA524291 GEE524289:GEE524291 FUI524289:FUI524291 FKM524289:FKM524291 FAQ524289:FAQ524291 EQU524289:EQU524291 EGY524289:EGY524291 DXC524289:DXC524291 DNG524289:DNG524291 DDK524289:DDK524291 CTO524289:CTO524291 CJS524289:CJS524291 BZW524289:BZW524291 BQA524289:BQA524291 BGE524289:BGE524291 AWI524289:AWI524291 AMM524289:AMM524291 ACQ524289:ACQ524291 SU524289:SU524291 IY524289:IY524291 I524289:I524291 WVK458753:WVK458755 WLO458753:WLO458755 WBS458753:WBS458755 VRW458753:VRW458755 VIA458753:VIA458755 UYE458753:UYE458755 UOI458753:UOI458755 UEM458753:UEM458755 TUQ458753:TUQ458755 TKU458753:TKU458755 TAY458753:TAY458755 SRC458753:SRC458755 SHG458753:SHG458755 RXK458753:RXK458755 RNO458753:RNO458755 RDS458753:RDS458755 QTW458753:QTW458755 QKA458753:QKA458755 QAE458753:QAE458755 PQI458753:PQI458755 PGM458753:PGM458755 OWQ458753:OWQ458755 OMU458753:OMU458755 OCY458753:OCY458755 NTC458753:NTC458755 NJG458753:NJG458755 MZK458753:MZK458755 MPO458753:MPO458755 MFS458753:MFS458755 LVW458753:LVW458755 LMA458753:LMA458755 LCE458753:LCE458755 KSI458753:KSI458755 KIM458753:KIM458755 JYQ458753:JYQ458755 JOU458753:JOU458755 JEY458753:JEY458755 IVC458753:IVC458755 ILG458753:ILG458755 IBK458753:IBK458755 HRO458753:HRO458755 HHS458753:HHS458755 GXW458753:GXW458755 GOA458753:GOA458755 GEE458753:GEE458755 FUI458753:FUI458755 FKM458753:FKM458755 FAQ458753:FAQ458755 EQU458753:EQU458755 EGY458753:EGY458755 DXC458753:DXC458755 DNG458753:DNG458755 DDK458753:DDK458755 CTO458753:CTO458755 CJS458753:CJS458755 BZW458753:BZW458755 BQA458753:BQA458755 BGE458753:BGE458755 AWI458753:AWI458755 AMM458753:AMM458755 ACQ458753:ACQ458755 SU458753:SU458755 IY458753:IY458755 I458753:I458755 WVK393217:WVK393219 WLO393217:WLO393219 WBS393217:WBS393219 VRW393217:VRW393219 VIA393217:VIA393219 UYE393217:UYE393219 UOI393217:UOI393219 UEM393217:UEM393219 TUQ393217:TUQ393219 TKU393217:TKU393219 TAY393217:TAY393219 SRC393217:SRC393219 SHG393217:SHG393219 RXK393217:RXK393219 RNO393217:RNO393219 RDS393217:RDS393219 QTW393217:QTW393219 QKA393217:QKA393219 QAE393217:QAE393219 PQI393217:PQI393219 PGM393217:PGM393219 OWQ393217:OWQ393219 OMU393217:OMU393219 OCY393217:OCY393219 NTC393217:NTC393219 NJG393217:NJG393219 MZK393217:MZK393219 MPO393217:MPO393219 MFS393217:MFS393219 LVW393217:LVW393219 LMA393217:LMA393219 LCE393217:LCE393219 KSI393217:KSI393219 KIM393217:KIM393219 JYQ393217:JYQ393219 JOU393217:JOU393219 JEY393217:JEY393219 IVC393217:IVC393219 ILG393217:ILG393219 IBK393217:IBK393219 HRO393217:HRO393219 HHS393217:HHS393219 GXW393217:GXW393219 GOA393217:GOA393219 GEE393217:GEE393219 FUI393217:FUI393219 FKM393217:FKM393219 FAQ393217:FAQ393219 EQU393217:EQU393219 EGY393217:EGY393219 DXC393217:DXC393219 DNG393217:DNG393219 DDK393217:DDK393219 CTO393217:CTO393219 CJS393217:CJS393219 BZW393217:BZW393219 BQA393217:BQA393219 BGE393217:BGE393219 AWI393217:AWI393219 AMM393217:AMM393219 ACQ393217:ACQ393219 SU393217:SU393219 IY393217:IY393219 I393217:I393219 WVK327681:WVK327683 WLO327681:WLO327683 WBS327681:WBS327683 VRW327681:VRW327683 VIA327681:VIA327683 UYE327681:UYE327683 UOI327681:UOI327683 UEM327681:UEM327683 TUQ327681:TUQ327683 TKU327681:TKU327683 TAY327681:TAY327683 SRC327681:SRC327683 SHG327681:SHG327683 RXK327681:RXK327683 RNO327681:RNO327683 RDS327681:RDS327683 QTW327681:QTW327683 QKA327681:QKA327683 QAE327681:QAE327683 PQI327681:PQI327683 PGM327681:PGM327683 OWQ327681:OWQ327683 OMU327681:OMU327683 OCY327681:OCY327683 NTC327681:NTC327683 NJG327681:NJG327683 MZK327681:MZK327683 MPO327681:MPO327683 MFS327681:MFS327683 LVW327681:LVW327683 LMA327681:LMA327683 LCE327681:LCE327683 KSI327681:KSI327683 KIM327681:KIM327683 JYQ327681:JYQ327683 JOU327681:JOU327683 JEY327681:JEY327683 IVC327681:IVC327683 ILG327681:ILG327683 IBK327681:IBK327683 HRO327681:HRO327683 HHS327681:HHS327683 GXW327681:GXW327683 GOA327681:GOA327683 GEE327681:GEE327683 FUI327681:FUI327683 FKM327681:FKM327683 FAQ327681:FAQ327683 EQU327681:EQU327683 EGY327681:EGY327683 DXC327681:DXC327683 DNG327681:DNG327683 DDK327681:DDK327683 CTO327681:CTO327683 CJS327681:CJS327683 BZW327681:BZW327683 BQA327681:BQA327683 BGE327681:BGE327683 AWI327681:AWI327683 AMM327681:AMM327683 ACQ327681:ACQ327683 SU327681:SU327683 IY327681:IY327683 I327681:I327683 WVK262145:WVK262147 WLO262145:WLO262147 WBS262145:WBS262147 VRW262145:VRW262147 VIA262145:VIA262147 UYE262145:UYE262147 UOI262145:UOI262147 UEM262145:UEM262147 TUQ262145:TUQ262147 TKU262145:TKU262147 TAY262145:TAY262147 SRC262145:SRC262147 SHG262145:SHG262147 RXK262145:RXK262147 RNO262145:RNO262147 RDS262145:RDS262147 QTW262145:QTW262147 QKA262145:QKA262147 QAE262145:QAE262147 PQI262145:PQI262147 PGM262145:PGM262147 OWQ262145:OWQ262147 OMU262145:OMU262147 OCY262145:OCY262147 NTC262145:NTC262147 NJG262145:NJG262147 MZK262145:MZK262147 MPO262145:MPO262147 MFS262145:MFS262147 LVW262145:LVW262147 LMA262145:LMA262147 LCE262145:LCE262147 KSI262145:KSI262147 KIM262145:KIM262147 JYQ262145:JYQ262147 JOU262145:JOU262147 JEY262145:JEY262147 IVC262145:IVC262147 ILG262145:ILG262147 IBK262145:IBK262147 HRO262145:HRO262147 HHS262145:HHS262147 GXW262145:GXW262147 GOA262145:GOA262147 GEE262145:GEE262147 FUI262145:FUI262147 FKM262145:FKM262147 FAQ262145:FAQ262147 EQU262145:EQU262147 EGY262145:EGY262147 DXC262145:DXC262147 DNG262145:DNG262147 DDK262145:DDK262147 CTO262145:CTO262147 CJS262145:CJS262147 BZW262145:BZW262147 BQA262145:BQA262147 BGE262145:BGE262147 AWI262145:AWI262147 AMM262145:AMM262147 ACQ262145:ACQ262147 SU262145:SU262147 IY262145:IY262147 I262145:I262147 WVK196609:WVK196611 WLO196609:WLO196611 WBS196609:WBS196611 VRW196609:VRW196611 VIA196609:VIA196611 UYE196609:UYE196611 UOI196609:UOI196611 UEM196609:UEM196611 TUQ196609:TUQ196611 TKU196609:TKU196611 TAY196609:TAY196611 SRC196609:SRC196611 SHG196609:SHG196611 RXK196609:RXK196611 RNO196609:RNO196611 RDS196609:RDS196611 QTW196609:QTW196611 QKA196609:QKA196611 QAE196609:QAE196611 PQI196609:PQI196611 PGM196609:PGM196611 OWQ196609:OWQ196611 OMU196609:OMU196611 OCY196609:OCY196611 NTC196609:NTC196611 NJG196609:NJG196611 MZK196609:MZK196611 MPO196609:MPO196611 MFS196609:MFS196611 LVW196609:LVW196611 LMA196609:LMA196611 LCE196609:LCE196611 KSI196609:KSI196611 KIM196609:KIM196611 JYQ196609:JYQ196611 JOU196609:JOU196611 JEY196609:JEY196611 IVC196609:IVC196611 ILG196609:ILG196611 IBK196609:IBK196611 HRO196609:HRO196611 HHS196609:HHS196611 GXW196609:GXW196611 GOA196609:GOA196611 GEE196609:GEE196611 FUI196609:FUI196611 FKM196609:FKM196611 FAQ196609:FAQ196611 EQU196609:EQU196611 EGY196609:EGY196611 DXC196609:DXC196611 DNG196609:DNG196611 DDK196609:DDK196611 CTO196609:CTO196611 CJS196609:CJS196611 BZW196609:BZW196611 BQA196609:BQA196611 BGE196609:BGE196611 AWI196609:AWI196611 AMM196609:AMM196611 ACQ196609:ACQ196611 SU196609:SU196611 IY196609:IY196611 I196609:I196611 WVK131073:WVK131075 WLO131073:WLO131075 WBS131073:WBS131075 VRW131073:VRW131075 VIA131073:VIA131075 UYE131073:UYE131075 UOI131073:UOI131075 UEM131073:UEM131075 TUQ131073:TUQ131075 TKU131073:TKU131075 TAY131073:TAY131075 SRC131073:SRC131075 SHG131073:SHG131075 RXK131073:RXK131075 RNO131073:RNO131075 RDS131073:RDS131075 QTW131073:QTW131075 QKA131073:QKA131075 QAE131073:QAE131075 PQI131073:PQI131075 PGM131073:PGM131075 OWQ131073:OWQ131075 OMU131073:OMU131075 OCY131073:OCY131075 NTC131073:NTC131075 NJG131073:NJG131075 MZK131073:MZK131075 MPO131073:MPO131075 MFS131073:MFS131075 LVW131073:LVW131075 LMA131073:LMA131075 LCE131073:LCE131075 KSI131073:KSI131075 KIM131073:KIM131075 JYQ131073:JYQ131075 JOU131073:JOU131075 JEY131073:JEY131075 IVC131073:IVC131075 ILG131073:ILG131075 IBK131073:IBK131075 HRO131073:HRO131075 HHS131073:HHS131075 GXW131073:GXW131075 GOA131073:GOA131075 GEE131073:GEE131075 FUI131073:FUI131075 FKM131073:FKM131075 FAQ131073:FAQ131075 EQU131073:EQU131075 EGY131073:EGY131075 DXC131073:DXC131075 DNG131073:DNG131075 DDK131073:DDK131075 CTO131073:CTO131075 CJS131073:CJS131075 BZW131073:BZW131075 BQA131073:BQA131075 BGE131073:BGE131075 AWI131073:AWI131075 AMM131073:AMM131075 ACQ131073:ACQ131075 SU131073:SU131075 IY131073:IY131075 I131073:I131075 WVK65537:WVK65539 WLO65537:WLO65539 WBS65537:WBS65539 VRW65537:VRW65539 VIA65537:VIA65539 UYE65537:UYE65539 UOI65537:UOI65539 UEM65537:UEM65539 TUQ65537:TUQ65539 TKU65537:TKU65539 TAY65537:TAY65539 SRC65537:SRC65539 SHG65537:SHG65539 RXK65537:RXK65539 RNO65537:RNO65539 RDS65537:RDS65539 QTW65537:QTW65539 QKA65537:QKA65539 QAE65537:QAE65539 PQI65537:PQI65539 PGM65537:PGM65539 OWQ65537:OWQ65539 OMU65537:OMU65539 OCY65537:OCY65539 NTC65537:NTC65539 NJG65537:NJG65539 MZK65537:MZK65539 MPO65537:MPO65539 MFS65537:MFS65539 LVW65537:LVW65539 LMA65537:LMA65539 LCE65537:LCE65539 KSI65537:KSI65539 KIM65537:KIM65539 JYQ65537:JYQ65539 JOU65537:JOU65539 JEY65537:JEY65539 IVC65537:IVC65539 ILG65537:ILG65539 IBK65537:IBK65539 HRO65537:HRO65539 HHS65537:HHS65539 GXW65537:GXW65539 GOA65537:GOA65539 GEE65537:GEE65539 FUI65537:FUI65539 FKM65537:FKM65539 FAQ65537:FAQ65539 EQU65537:EQU65539 EGY65537:EGY65539 DXC65537:DXC65539 DNG65537:DNG65539 DDK65537:DDK65539 CTO65537:CTO65539 CJS65537:CJS65539 BZW65537:BZW65539 BQA65537:BQA65539 BGE65537:BGE65539 AWI65537:AWI65539 AMM65537:AMM65539 ACQ65537:ACQ65539 SU65537:SU65539 IY65537:IY65539 I65537:I65539 WVL983042:WVO983043 WLP983042:WLS983043 WBT983042:WBW983043 VRX983042:VSA983043 VIB983042:VIE983043 UYF983042:UYI983043 UOJ983042:UOM983043 UEN983042:UEQ983043 TUR983042:TUU983043 TKV983042:TKY983043 TAZ983042:TBC983043 SRD983042:SRG983043 SHH983042:SHK983043 RXL983042:RXO983043 RNP983042:RNS983043 RDT983042:RDW983043 QTX983042:QUA983043 QKB983042:QKE983043 QAF983042:QAI983043 PQJ983042:PQM983043 PGN983042:PGQ983043 OWR983042:OWU983043 OMV983042:OMY983043 OCZ983042:ODC983043 NTD983042:NTG983043 NJH983042:NJK983043 MZL983042:MZO983043 MPP983042:MPS983043 MFT983042:MFW983043 LVX983042:LWA983043 LMB983042:LME983043 LCF983042:LCI983043 KSJ983042:KSM983043 KIN983042:KIQ983043 JYR983042:JYU983043 JOV983042:JOY983043 JEZ983042:JFC983043 IVD983042:IVG983043 ILH983042:ILK983043 IBL983042:IBO983043 HRP983042:HRS983043 HHT983042:HHW983043 GXX983042:GYA983043 GOB983042:GOE983043 GEF983042:GEI983043 FUJ983042:FUM983043 FKN983042:FKQ983043 FAR983042:FAU983043 EQV983042:EQY983043 EGZ983042:EHC983043 DXD983042:DXG983043 DNH983042:DNK983043 DDL983042:DDO983043 CTP983042:CTS983043 CJT983042:CJW983043 BZX983042:CAA983043 BQB983042:BQE983043 BGF983042:BGI983043 AWJ983042:AWM983043 AMN983042:AMQ983043 ACR983042:ACU983043 SV983042:SY983043 IZ983042:JC983043 J983042:M983043 WVL917506:WVO917507 WLP917506:WLS917507 WBT917506:WBW917507 VRX917506:VSA917507 VIB917506:VIE917507 UYF917506:UYI917507 UOJ917506:UOM917507 UEN917506:UEQ917507 TUR917506:TUU917507 TKV917506:TKY917507 TAZ917506:TBC917507 SRD917506:SRG917507 SHH917506:SHK917507 RXL917506:RXO917507 RNP917506:RNS917507 RDT917506:RDW917507 QTX917506:QUA917507 QKB917506:QKE917507 QAF917506:QAI917507 PQJ917506:PQM917507 PGN917506:PGQ917507 OWR917506:OWU917507 OMV917506:OMY917507 OCZ917506:ODC917507 NTD917506:NTG917507 NJH917506:NJK917507 MZL917506:MZO917507 MPP917506:MPS917507 MFT917506:MFW917507 LVX917506:LWA917507 LMB917506:LME917507 LCF917506:LCI917507 KSJ917506:KSM917507 KIN917506:KIQ917507 JYR917506:JYU917507 JOV917506:JOY917507 JEZ917506:JFC917507 IVD917506:IVG917507 ILH917506:ILK917507 IBL917506:IBO917507 HRP917506:HRS917507 HHT917506:HHW917507 GXX917506:GYA917507 GOB917506:GOE917507 GEF917506:GEI917507 FUJ917506:FUM917507 FKN917506:FKQ917507 FAR917506:FAU917507 EQV917506:EQY917507 EGZ917506:EHC917507 DXD917506:DXG917507 DNH917506:DNK917507 DDL917506:DDO917507 CTP917506:CTS917507 CJT917506:CJW917507 BZX917506:CAA917507 BQB917506:BQE917507 BGF917506:BGI917507 AWJ917506:AWM917507 AMN917506:AMQ917507 ACR917506:ACU917507 SV917506:SY917507 IZ917506:JC917507 J917506:M917507 WVL851970:WVO851971 WLP851970:WLS851971 WBT851970:WBW851971 VRX851970:VSA851971 VIB851970:VIE851971 UYF851970:UYI851971 UOJ851970:UOM851971 UEN851970:UEQ851971 TUR851970:TUU851971 TKV851970:TKY851971 TAZ851970:TBC851971 SRD851970:SRG851971 SHH851970:SHK851971 RXL851970:RXO851971 RNP851970:RNS851971 RDT851970:RDW851971 QTX851970:QUA851971 QKB851970:QKE851971 QAF851970:QAI851971 PQJ851970:PQM851971 PGN851970:PGQ851971 OWR851970:OWU851971 OMV851970:OMY851971 OCZ851970:ODC851971 NTD851970:NTG851971 NJH851970:NJK851971 MZL851970:MZO851971 MPP851970:MPS851971 MFT851970:MFW851971 LVX851970:LWA851971 LMB851970:LME851971 LCF851970:LCI851971 KSJ851970:KSM851971 KIN851970:KIQ851971 JYR851970:JYU851971 JOV851970:JOY851971 JEZ851970:JFC851971 IVD851970:IVG851971 ILH851970:ILK851971 IBL851970:IBO851971 HRP851970:HRS851971 HHT851970:HHW851971 GXX851970:GYA851971 GOB851970:GOE851971 GEF851970:GEI851971 FUJ851970:FUM851971 FKN851970:FKQ851971 FAR851970:FAU851971 EQV851970:EQY851971 EGZ851970:EHC851971 DXD851970:DXG851971 DNH851970:DNK851971 DDL851970:DDO851971 CTP851970:CTS851971 CJT851970:CJW851971 BZX851970:CAA851971 BQB851970:BQE851971 BGF851970:BGI851971 AWJ851970:AWM851971 AMN851970:AMQ851971 ACR851970:ACU851971 SV851970:SY851971 IZ851970:JC851971 J851970:M851971 WVL786434:WVO786435 WLP786434:WLS786435 WBT786434:WBW786435 VRX786434:VSA786435 VIB786434:VIE786435 UYF786434:UYI786435 UOJ786434:UOM786435 UEN786434:UEQ786435 TUR786434:TUU786435 TKV786434:TKY786435 TAZ786434:TBC786435 SRD786434:SRG786435 SHH786434:SHK786435 RXL786434:RXO786435 RNP786434:RNS786435 RDT786434:RDW786435 QTX786434:QUA786435 QKB786434:QKE786435 QAF786434:QAI786435 PQJ786434:PQM786435 PGN786434:PGQ786435 OWR786434:OWU786435 OMV786434:OMY786435 OCZ786434:ODC786435 NTD786434:NTG786435 NJH786434:NJK786435 MZL786434:MZO786435 MPP786434:MPS786435 MFT786434:MFW786435 LVX786434:LWA786435 LMB786434:LME786435 LCF786434:LCI786435 KSJ786434:KSM786435 KIN786434:KIQ786435 JYR786434:JYU786435 JOV786434:JOY786435 JEZ786434:JFC786435 IVD786434:IVG786435 ILH786434:ILK786435 IBL786434:IBO786435 HRP786434:HRS786435 HHT786434:HHW786435 GXX786434:GYA786435 GOB786434:GOE786435 GEF786434:GEI786435 FUJ786434:FUM786435 FKN786434:FKQ786435 FAR786434:FAU786435 EQV786434:EQY786435 EGZ786434:EHC786435 DXD786434:DXG786435 DNH786434:DNK786435 DDL786434:DDO786435 CTP786434:CTS786435 CJT786434:CJW786435 BZX786434:CAA786435 BQB786434:BQE786435 BGF786434:BGI786435 AWJ786434:AWM786435 AMN786434:AMQ786435 ACR786434:ACU786435 SV786434:SY786435 IZ786434:JC786435 J786434:M786435 WVL720898:WVO720899 WLP720898:WLS720899 WBT720898:WBW720899 VRX720898:VSA720899 VIB720898:VIE720899 UYF720898:UYI720899 UOJ720898:UOM720899 UEN720898:UEQ720899 TUR720898:TUU720899 TKV720898:TKY720899 TAZ720898:TBC720899 SRD720898:SRG720899 SHH720898:SHK720899 RXL720898:RXO720899 RNP720898:RNS720899 RDT720898:RDW720899 QTX720898:QUA720899 QKB720898:QKE720899 QAF720898:QAI720899 PQJ720898:PQM720899 PGN720898:PGQ720899 OWR720898:OWU720899 OMV720898:OMY720899 OCZ720898:ODC720899 NTD720898:NTG720899 NJH720898:NJK720899 MZL720898:MZO720899 MPP720898:MPS720899 MFT720898:MFW720899 LVX720898:LWA720899 LMB720898:LME720899 LCF720898:LCI720899 KSJ720898:KSM720899 KIN720898:KIQ720899 JYR720898:JYU720899 JOV720898:JOY720899 JEZ720898:JFC720899 IVD720898:IVG720899 ILH720898:ILK720899 IBL720898:IBO720899 HRP720898:HRS720899 HHT720898:HHW720899 GXX720898:GYA720899 GOB720898:GOE720899 GEF720898:GEI720899 FUJ720898:FUM720899 FKN720898:FKQ720899 FAR720898:FAU720899 EQV720898:EQY720899 EGZ720898:EHC720899 DXD720898:DXG720899 DNH720898:DNK720899 DDL720898:DDO720899 CTP720898:CTS720899 CJT720898:CJW720899 BZX720898:CAA720899 BQB720898:BQE720899 BGF720898:BGI720899 AWJ720898:AWM720899 AMN720898:AMQ720899 ACR720898:ACU720899 SV720898:SY720899 IZ720898:JC720899 J720898:M720899 WVL655362:WVO655363 WLP655362:WLS655363 WBT655362:WBW655363 VRX655362:VSA655363 VIB655362:VIE655363 UYF655362:UYI655363 UOJ655362:UOM655363 UEN655362:UEQ655363 TUR655362:TUU655363 TKV655362:TKY655363 TAZ655362:TBC655363 SRD655362:SRG655363 SHH655362:SHK655363 RXL655362:RXO655363 RNP655362:RNS655363 RDT655362:RDW655363 QTX655362:QUA655363 QKB655362:QKE655363 QAF655362:QAI655363 PQJ655362:PQM655363 PGN655362:PGQ655363 OWR655362:OWU655363 OMV655362:OMY655363 OCZ655362:ODC655363 NTD655362:NTG655363 NJH655362:NJK655363 MZL655362:MZO655363 MPP655362:MPS655363 MFT655362:MFW655363 LVX655362:LWA655363 LMB655362:LME655363 LCF655362:LCI655363 KSJ655362:KSM655363 KIN655362:KIQ655363 JYR655362:JYU655363 JOV655362:JOY655363 JEZ655362:JFC655363 IVD655362:IVG655363 ILH655362:ILK655363 IBL655362:IBO655363 HRP655362:HRS655363 HHT655362:HHW655363 GXX655362:GYA655363 GOB655362:GOE655363 GEF655362:GEI655363 FUJ655362:FUM655363 FKN655362:FKQ655363 FAR655362:FAU655363 EQV655362:EQY655363 EGZ655362:EHC655363 DXD655362:DXG655363 DNH655362:DNK655363 DDL655362:DDO655363 CTP655362:CTS655363 CJT655362:CJW655363 BZX655362:CAA655363 BQB655362:BQE655363 BGF655362:BGI655363 AWJ655362:AWM655363 AMN655362:AMQ655363 ACR655362:ACU655363 SV655362:SY655363 IZ655362:JC655363 J655362:M655363 WVL589826:WVO589827 WLP589826:WLS589827 WBT589826:WBW589827 VRX589826:VSA589827 VIB589826:VIE589827 UYF589826:UYI589827 UOJ589826:UOM589827 UEN589826:UEQ589827 TUR589826:TUU589827 TKV589826:TKY589827 TAZ589826:TBC589827 SRD589826:SRG589827 SHH589826:SHK589827 RXL589826:RXO589827 RNP589826:RNS589827 RDT589826:RDW589827 QTX589826:QUA589827 QKB589826:QKE589827 QAF589826:QAI589827 PQJ589826:PQM589827 PGN589826:PGQ589827 OWR589826:OWU589827 OMV589826:OMY589827 OCZ589826:ODC589827 NTD589826:NTG589827 NJH589826:NJK589827 MZL589826:MZO589827 MPP589826:MPS589827 MFT589826:MFW589827 LVX589826:LWA589827 LMB589826:LME589827 LCF589826:LCI589827 KSJ589826:KSM589827 KIN589826:KIQ589827 JYR589826:JYU589827 JOV589826:JOY589827 JEZ589826:JFC589827 IVD589826:IVG589827 ILH589826:ILK589827 IBL589826:IBO589827 HRP589826:HRS589827 HHT589826:HHW589827 GXX589826:GYA589827 GOB589826:GOE589827 GEF589826:GEI589827 FUJ589826:FUM589827 FKN589826:FKQ589827 FAR589826:FAU589827 EQV589826:EQY589827 EGZ589826:EHC589827 DXD589826:DXG589827 DNH589826:DNK589827 DDL589826:DDO589827 CTP589826:CTS589827 CJT589826:CJW589827 BZX589826:CAA589827 BQB589826:BQE589827 BGF589826:BGI589827 AWJ589826:AWM589827 AMN589826:AMQ589827 ACR589826:ACU589827 SV589826:SY589827 IZ589826:JC589827 J589826:M589827 WVL524290:WVO524291 WLP524290:WLS524291 WBT524290:WBW524291 VRX524290:VSA524291 VIB524290:VIE524291 UYF524290:UYI524291 UOJ524290:UOM524291 UEN524290:UEQ524291 TUR524290:TUU524291 TKV524290:TKY524291 TAZ524290:TBC524291 SRD524290:SRG524291 SHH524290:SHK524291 RXL524290:RXO524291 RNP524290:RNS524291 RDT524290:RDW524291 QTX524290:QUA524291 QKB524290:QKE524291 QAF524290:QAI524291 PQJ524290:PQM524291 PGN524290:PGQ524291 OWR524290:OWU524291 OMV524290:OMY524291 OCZ524290:ODC524291 NTD524290:NTG524291 NJH524290:NJK524291 MZL524290:MZO524291 MPP524290:MPS524291 MFT524290:MFW524291 LVX524290:LWA524291 LMB524290:LME524291 LCF524290:LCI524291 KSJ524290:KSM524291 KIN524290:KIQ524291 JYR524290:JYU524291 JOV524290:JOY524291 JEZ524290:JFC524291 IVD524290:IVG524291 ILH524290:ILK524291 IBL524290:IBO524291 HRP524290:HRS524291 HHT524290:HHW524291 GXX524290:GYA524291 GOB524290:GOE524291 GEF524290:GEI524291 FUJ524290:FUM524291 FKN524290:FKQ524291 FAR524290:FAU524291 EQV524290:EQY524291 EGZ524290:EHC524291 DXD524290:DXG524291 DNH524290:DNK524291 DDL524290:DDO524291 CTP524290:CTS524291 CJT524290:CJW524291 BZX524290:CAA524291 BQB524290:BQE524291 BGF524290:BGI524291 AWJ524290:AWM524291 AMN524290:AMQ524291 ACR524290:ACU524291 SV524290:SY524291 IZ524290:JC524291 J524290:M524291 WVL458754:WVO458755 WLP458754:WLS458755 WBT458754:WBW458755 VRX458754:VSA458755 VIB458754:VIE458755 UYF458754:UYI458755 UOJ458754:UOM458755 UEN458754:UEQ458755 TUR458754:TUU458755 TKV458754:TKY458755 TAZ458754:TBC458755 SRD458754:SRG458755 SHH458754:SHK458755 RXL458754:RXO458755 RNP458754:RNS458755 RDT458754:RDW458755 QTX458754:QUA458755 QKB458754:QKE458755 QAF458754:QAI458755 PQJ458754:PQM458755 PGN458754:PGQ458755 OWR458754:OWU458755 OMV458754:OMY458755 OCZ458754:ODC458755 NTD458754:NTG458755 NJH458754:NJK458755 MZL458754:MZO458755 MPP458754:MPS458755 MFT458754:MFW458755 LVX458754:LWA458755 LMB458754:LME458755 LCF458754:LCI458755 KSJ458754:KSM458755 KIN458754:KIQ458755 JYR458754:JYU458755 JOV458754:JOY458755 JEZ458754:JFC458755 IVD458754:IVG458755 ILH458754:ILK458755 IBL458754:IBO458755 HRP458754:HRS458755 HHT458754:HHW458755 GXX458754:GYA458755 GOB458754:GOE458755 GEF458754:GEI458755 FUJ458754:FUM458755 FKN458754:FKQ458755 FAR458754:FAU458755 EQV458754:EQY458755 EGZ458754:EHC458755 DXD458754:DXG458755 DNH458754:DNK458755 DDL458754:DDO458755 CTP458754:CTS458755 CJT458754:CJW458755 BZX458754:CAA458755 BQB458754:BQE458755 BGF458754:BGI458755 AWJ458754:AWM458755 AMN458754:AMQ458755 ACR458754:ACU458755 SV458754:SY458755 IZ458754:JC458755 J458754:M458755 WVL393218:WVO393219 WLP393218:WLS393219 WBT393218:WBW393219 VRX393218:VSA393219 VIB393218:VIE393219 UYF393218:UYI393219 UOJ393218:UOM393219 UEN393218:UEQ393219 TUR393218:TUU393219 TKV393218:TKY393219 TAZ393218:TBC393219 SRD393218:SRG393219 SHH393218:SHK393219 RXL393218:RXO393219 RNP393218:RNS393219 RDT393218:RDW393219 QTX393218:QUA393219 QKB393218:QKE393219 QAF393218:QAI393219 PQJ393218:PQM393219 PGN393218:PGQ393219 OWR393218:OWU393219 OMV393218:OMY393219 OCZ393218:ODC393219 NTD393218:NTG393219 NJH393218:NJK393219 MZL393218:MZO393219 MPP393218:MPS393219 MFT393218:MFW393219 LVX393218:LWA393219 LMB393218:LME393219 LCF393218:LCI393219 KSJ393218:KSM393219 KIN393218:KIQ393219 JYR393218:JYU393219 JOV393218:JOY393219 JEZ393218:JFC393219 IVD393218:IVG393219 ILH393218:ILK393219 IBL393218:IBO393219 HRP393218:HRS393219 HHT393218:HHW393219 GXX393218:GYA393219 GOB393218:GOE393219 GEF393218:GEI393219 FUJ393218:FUM393219 FKN393218:FKQ393219 FAR393218:FAU393219 EQV393218:EQY393219 EGZ393218:EHC393219 DXD393218:DXG393219 DNH393218:DNK393219 DDL393218:DDO393219 CTP393218:CTS393219 CJT393218:CJW393219 BZX393218:CAA393219 BQB393218:BQE393219 BGF393218:BGI393219 AWJ393218:AWM393219 AMN393218:AMQ393219 ACR393218:ACU393219 SV393218:SY393219 IZ393218:JC393219 J393218:M393219 WVL327682:WVO327683 WLP327682:WLS327683 WBT327682:WBW327683 VRX327682:VSA327683 VIB327682:VIE327683 UYF327682:UYI327683 UOJ327682:UOM327683 UEN327682:UEQ327683 TUR327682:TUU327683 TKV327682:TKY327683 TAZ327682:TBC327683 SRD327682:SRG327683 SHH327682:SHK327683 RXL327682:RXO327683 RNP327682:RNS327683 RDT327682:RDW327683 QTX327682:QUA327683 QKB327682:QKE327683 QAF327682:QAI327683 PQJ327682:PQM327683 PGN327682:PGQ327683 OWR327682:OWU327683 OMV327682:OMY327683 OCZ327682:ODC327683 NTD327682:NTG327683 NJH327682:NJK327683 MZL327682:MZO327683 MPP327682:MPS327683 MFT327682:MFW327683 LVX327682:LWA327683 LMB327682:LME327683 LCF327682:LCI327683 KSJ327682:KSM327683 KIN327682:KIQ327683 JYR327682:JYU327683 JOV327682:JOY327683 JEZ327682:JFC327683 IVD327682:IVG327683 ILH327682:ILK327683 IBL327682:IBO327683 HRP327682:HRS327683 HHT327682:HHW327683 GXX327682:GYA327683 GOB327682:GOE327683 GEF327682:GEI327683 FUJ327682:FUM327683 FKN327682:FKQ327683 FAR327682:FAU327683 EQV327682:EQY327683 EGZ327682:EHC327683 DXD327682:DXG327683 DNH327682:DNK327683 DDL327682:DDO327683 CTP327682:CTS327683 CJT327682:CJW327683 BZX327682:CAA327683 BQB327682:BQE327683 BGF327682:BGI327683 AWJ327682:AWM327683 AMN327682:AMQ327683 ACR327682:ACU327683 SV327682:SY327683 IZ327682:JC327683 J327682:M327683 WVL262146:WVO262147 WLP262146:WLS262147 WBT262146:WBW262147 VRX262146:VSA262147 VIB262146:VIE262147 UYF262146:UYI262147 UOJ262146:UOM262147 UEN262146:UEQ262147 TUR262146:TUU262147 TKV262146:TKY262147 TAZ262146:TBC262147 SRD262146:SRG262147 SHH262146:SHK262147 RXL262146:RXO262147 RNP262146:RNS262147 RDT262146:RDW262147 QTX262146:QUA262147 QKB262146:QKE262147 QAF262146:QAI262147 PQJ262146:PQM262147 PGN262146:PGQ262147 OWR262146:OWU262147 OMV262146:OMY262147 OCZ262146:ODC262147 NTD262146:NTG262147 NJH262146:NJK262147 MZL262146:MZO262147 MPP262146:MPS262147 MFT262146:MFW262147 LVX262146:LWA262147 LMB262146:LME262147 LCF262146:LCI262147 KSJ262146:KSM262147 KIN262146:KIQ262147 JYR262146:JYU262147 JOV262146:JOY262147 JEZ262146:JFC262147 IVD262146:IVG262147 ILH262146:ILK262147 IBL262146:IBO262147 HRP262146:HRS262147 HHT262146:HHW262147 GXX262146:GYA262147 GOB262146:GOE262147 GEF262146:GEI262147 FUJ262146:FUM262147 FKN262146:FKQ262147 FAR262146:FAU262147 EQV262146:EQY262147 EGZ262146:EHC262147 DXD262146:DXG262147 DNH262146:DNK262147 DDL262146:DDO262147 CTP262146:CTS262147 CJT262146:CJW262147 BZX262146:CAA262147 BQB262146:BQE262147 BGF262146:BGI262147 AWJ262146:AWM262147 AMN262146:AMQ262147 ACR262146:ACU262147 SV262146:SY262147 IZ262146:JC262147 J262146:M262147 WVL196610:WVO196611 WLP196610:WLS196611 WBT196610:WBW196611 VRX196610:VSA196611 VIB196610:VIE196611 UYF196610:UYI196611 UOJ196610:UOM196611 UEN196610:UEQ196611 TUR196610:TUU196611 TKV196610:TKY196611 TAZ196610:TBC196611 SRD196610:SRG196611 SHH196610:SHK196611 RXL196610:RXO196611 RNP196610:RNS196611 RDT196610:RDW196611 QTX196610:QUA196611 QKB196610:QKE196611 QAF196610:QAI196611 PQJ196610:PQM196611 PGN196610:PGQ196611 OWR196610:OWU196611 OMV196610:OMY196611 OCZ196610:ODC196611 NTD196610:NTG196611 NJH196610:NJK196611 MZL196610:MZO196611 MPP196610:MPS196611 MFT196610:MFW196611 LVX196610:LWA196611 LMB196610:LME196611 LCF196610:LCI196611 KSJ196610:KSM196611 KIN196610:KIQ196611 JYR196610:JYU196611 JOV196610:JOY196611 JEZ196610:JFC196611 IVD196610:IVG196611 ILH196610:ILK196611 IBL196610:IBO196611 HRP196610:HRS196611 HHT196610:HHW196611 GXX196610:GYA196611 GOB196610:GOE196611 GEF196610:GEI196611 FUJ196610:FUM196611 FKN196610:FKQ196611 FAR196610:FAU196611 EQV196610:EQY196611 EGZ196610:EHC196611 DXD196610:DXG196611 DNH196610:DNK196611 DDL196610:DDO196611 CTP196610:CTS196611 CJT196610:CJW196611 BZX196610:CAA196611 BQB196610:BQE196611 BGF196610:BGI196611 AWJ196610:AWM196611 AMN196610:AMQ196611 ACR196610:ACU196611 SV196610:SY196611 IZ196610:JC196611 J196610:M196611 WVL131074:WVO131075 WLP131074:WLS131075 WBT131074:WBW131075 VRX131074:VSA131075 VIB131074:VIE131075 UYF131074:UYI131075 UOJ131074:UOM131075 UEN131074:UEQ131075 TUR131074:TUU131075 TKV131074:TKY131075 TAZ131074:TBC131075 SRD131074:SRG131075 SHH131074:SHK131075 RXL131074:RXO131075 RNP131074:RNS131075 RDT131074:RDW131075 QTX131074:QUA131075 QKB131074:QKE131075 QAF131074:QAI131075 PQJ131074:PQM131075 PGN131074:PGQ131075 OWR131074:OWU131075 OMV131074:OMY131075 OCZ131074:ODC131075 NTD131074:NTG131075 NJH131074:NJK131075 MZL131074:MZO131075 MPP131074:MPS131075 MFT131074:MFW131075 LVX131074:LWA131075 LMB131074:LME131075 LCF131074:LCI131075 KSJ131074:KSM131075 KIN131074:KIQ131075 JYR131074:JYU131075 JOV131074:JOY131075 JEZ131074:JFC131075 IVD131074:IVG131075 ILH131074:ILK131075 IBL131074:IBO131075 HRP131074:HRS131075 HHT131074:HHW131075 GXX131074:GYA131075 GOB131074:GOE131075 GEF131074:GEI131075 FUJ131074:FUM131075 FKN131074:FKQ131075 FAR131074:FAU131075 EQV131074:EQY131075 EGZ131074:EHC131075 DXD131074:DXG131075 DNH131074:DNK131075 DDL131074:DDO131075 CTP131074:CTS131075 CJT131074:CJW131075 BZX131074:CAA131075 BQB131074:BQE131075 BGF131074:BGI131075 AWJ131074:AWM131075 AMN131074:AMQ131075 ACR131074:ACU131075 SV131074:SY131075 IZ131074:JC131075 J131074:M131075 WVL65538:WVO65539 WLP65538:WLS65539 WBT65538:WBW65539 VRX65538:VSA65539 VIB65538:VIE65539 UYF65538:UYI65539 UOJ65538:UOM65539 UEN65538:UEQ65539 TUR65538:TUU65539 TKV65538:TKY65539 TAZ65538:TBC65539 SRD65538:SRG65539 SHH65538:SHK65539 RXL65538:RXO65539 RNP65538:RNS65539 RDT65538:RDW65539 QTX65538:QUA65539 QKB65538:QKE65539 QAF65538:QAI65539 PQJ65538:PQM65539 PGN65538:PGQ65539 OWR65538:OWU65539 OMV65538:OMY65539 OCZ65538:ODC65539 NTD65538:NTG65539 NJH65538:NJK65539 MZL65538:MZO65539 MPP65538:MPS65539 MFT65538:MFW65539 LVX65538:LWA65539 LMB65538:LME65539 LCF65538:LCI65539 KSJ65538:KSM65539 KIN65538:KIQ65539 JYR65538:JYU65539 JOV65538:JOY65539 JEZ65538:JFC65539 IVD65538:IVG65539 ILH65538:ILK65539 IBL65538:IBO65539 HRP65538:HRS65539 HHT65538:HHW65539 GXX65538:GYA65539 GOB65538:GOE65539 GEF65538:GEI65539 FUJ65538:FUM65539 FKN65538:FKQ65539 FAR65538:FAU65539 EQV65538:EQY65539 EGZ65538:EHC65539 DXD65538:DXG65539 DNH65538:DNK65539 DDL65538:DDO65539 CTP65538:CTS65539 CJT65538:CJW65539 BZX65538:CAA65539 BQB65538:BQE65539 BGF65538:BGI65539 AWJ65538:AWM65539 AMN65538:AMQ65539 ACR65538:ACU65539 SV65538:SY65539 IZ65538:JC65539 J65538:M65539 WVQ983042:WVS983042 WLU983042:WLW983042 WBY983042:WCA983042 VSC983042:VSE983042 VIG983042:VII983042 UYK983042:UYM983042 UOO983042:UOQ983042 UES983042:UEU983042 TUW983042:TUY983042 TLA983042:TLC983042 TBE983042:TBG983042 SRI983042:SRK983042 SHM983042:SHO983042 RXQ983042:RXS983042 RNU983042:RNW983042 RDY983042:REA983042 QUC983042:QUE983042 QKG983042:QKI983042 QAK983042:QAM983042 PQO983042:PQQ983042 PGS983042:PGU983042 OWW983042:OWY983042 ONA983042:ONC983042 ODE983042:ODG983042 NTI983042:NTK983042 NJM983042:NJO983042 MZQ983042:MZS983042 MPU983042:MPW983042 MFY983042:MGA983042 LWC983042:LWE983042 LMG983042:LMI983042 LCK983042:LCM983042 KSO983042:KSQ983042 KIS983042:KIU983042 JYW983042:JYY983042 JPA983042:JPC983042 JFE983042:JFG983042 IVI983042:IVK983042 ILM983042:ILO983042 IBQ983042:IBS983042 HRU983042:HRW983042 HHY983042:HIA983042 GYC983042:GYE983042 GOG983042:GOI983042 GEK983042:GEM983042 FUO983042:FUQ983042 FKS983042:FKU983042 FAW983042:FAY983042 ERA983042:ERC983042 EHE983042:EHG983042 DXI983042:DXK983042 DNM983042:DNO983042 DDQ983042:DDS983042 CTU983042:CTW983042 CJY983042:CKA983042 CAC983042:CAE983042 BQG983042:BQI983042 BGK983042:BGM983042 AWO983042:AWQ983042 AMS983042:AMU983042 ACW983042:ACY983042 TA983042:TC983042 JE983042:JG983042 O983042:Q983042 WVQ917506:WVS917506 WLU917506:WLW917506 WBY917506:WCA917506 VSC917506:VSE917506 VIG917506:VII917506 UYK917506:UYM917506 UOO917506:UOQ917506 UES917506:UEU917506 TUW917506:TUY917506 TLA917506:TLC917506 TBE917506:TBG917506 SRI917506:SRK917506 SHM917506:SHO917506 RXQ917506:RXS917506 RNU917506:RNW917506 RDY917506:REA917506 QUC917506:QUE917506 QKG917506:QKI917506 QAK917506:QAM917506 PQO917506:PQQ917506 PGS917506:PGU917506 OWW917506:OWY917506 ONA917506:ONC917506 ODE917506:ODG917506 NTI917506:NTK917506 NJM917506:NJO917506 MZQ917506:MZS917506 MPU917506:MPW917506 MFY917506:MGA917506 LWC917506:LWE917506 LMG917506:LMI917506 LCK917506:LCM917506 KSO917506:KSQ917506 KIS917506:KIU917506 JYW917506:JYY917506 JPA917506:JPC917506 JFE917506:JFG917506 IVI917506:IVK917506 ILM917506:ILO917506 IBQ917506:IBS917506 HRU917506:HRW917506 HHY917506:HIA917506 GYC917506:GYE917506 GOG917506:GOI917506 GEK917506:GEM917506 FUO917506:FUQ917506 FKS917506:FKU917506 FAW917506:FAY917506 ERA917506:ERC917506 EHE917506:EHG917506 DXI917506:DXK917506 DNM917506:DNO917506 DDQ917506:DDS917506 CTU917506:CTW917506 CJY917506:CKA917506 CAC917506:CAE917506 BQG917506:BQI917506 BGK917506:BGM917506 AWO917506:AWQ917506 AMS917506:AMU917506 ACW917506:ACY917506 TA917506:TC917506 JE917506:JG917506 O917506:Q917506 WVQ851970:WVS851970 WLU851970:WLW851970 WBY851970:WCA851970 VSC851970:VSE851970 VIG851970:VII851970 UYK851970:UYM851970 UOO851970:UOQ851970 UES851970:UEU851970 TUW851970:TUY851970 TLA851970:TLC851970 TBE851970:TBG851970 SRI851970:SRK851970 SHM851970:SHO851970 RXQ851970:RXS851970 RNU851970:RNW851970 RDY851970:REA851970 QUC851970:QUE851970 QKG851970:QKI851970 QAK851970:QAM851970 PQO851970:PQQ851970 PGS851970:PGU851970 OWW851970:OWY851970 ONA851970:ONC851970 ODE851970:ODG851970 NTI851970:NTK851970 NJM851970:NJO851970 MZQ851970:MZS851970 MPU851970:MPW851970 MFY851970:MGA851970 LWC851970:LWE851970 LMG851970:LMI851970 LCK851970:LCM851970 KSO851970:KSQ851970 KIS851970:KIU851970 JYW851970:JYY851970 JPA851970:JPC851970 JFE851970:JFG851970 IVI851970:IVK851970 ILM851970:ILO851970 IBQ851970:IBS851970 HRU851970:HRW851970 HHY851970:HIA851970 GYC851970:GYE851970 GOG851970:GOI851970 GEK851970:GEM851970 FUO851970:FUQ851970 FKS851970:FKU851970 FAW851970:FAY851970 ERA851970:ERC851970 EHE851970:EHG851970 DXI851970:DXK851970 DNM851970:DNO851970 DDQ851970:DDS851970 CTU851970:CTW851970 CJY851970:CKA851970 CAC851970:CAE851970 BQG851970:BQI851970 BGK851970:BGM851970 AWO851970:AWQ851970 AMS851970:AMU851970 ACW851970:ACY851970 TA851970:TC851970 JE851970:JG851970 O851970:Q851970 WVQ786434:WVS786434 WLU786434:WLW786434 WBY786434:WCA786434 VSC786434:VSE786434 VIG786434:VII786434 UYK786434:UYM786434 UOO786434:UOQ786434 UES786434:UEU786434 TUW786434:TUY786434 TLA786434:TLC786434 TBE786434:TBG786434 SRI786434:SRK786434 SHM786434:SHO786434 RXQ786434:RXS786434 RNU786434:RNW786434 RDY786434:REA786434 QUC786434:QUE786434 QKG786434:QKI786434 QAK786434:QAM786434 PQO786434:PQQ786434 PGS786434:PGU786434 OWW786434:OWY786434 ONA786434:ONC786434 ODE786434:ODG786434 NTI786434:NTK786434 NJM786434:NJO786434 MZQ786434:MZS786434 MPU786434:MPW786434 MFY786434:MGA786434 LWC786434:LWE786434 LMG786434:LMI786434 LCK786434:LCM786434 KSO786434:KSQ786434 KIS786434:KIU786434 JYW786434:JYY786434 JPA786434:JPC786434 JFE786434:JFG786434 IVI786434:IVK786434 ILM786434:ILO786434 IBQ786434:IBS786434 HRU786434:HRW786434 HHY786434:HIA786434 GYC786434:GYE786434 GOG786434:GOI786434 GEK786434:GEM786434 FUO786434:FUQ786434 FKS786434:FKU786434 FAW786434:FAY786434 ERA786434:ERC786434 EHE786434:EHG786434 DXI786434:DXK786434 DNM786434:DNO786434 DDQ786434:DDS786434 CTU786434:CTW786434 CJY786434:CKA786434 CAC786434:CAE786434 BQG786434:BQI786434 BGK786434:BGM786434 AWO786434:AWQ786434 AMS786434:AMU786434 ACW786434:ACY786434 TA786434:TC786434 JE786434:JG786434 O786434:Q786434 WVQ720898:WVS720898 WLU720898:WLW720898 WBY720898:WCA720898 VSC720898:VSE720898 VIG720898:VII720898 UYK720898:UYM720898 UOO720898:UOQ720898 UES720898:UEU720898 TUW720898:TUY720898 TLA720898:TLC720898 TBE720898:TBG720898 SRI720898:SRK720898 SHM720898:SHO720898 RXQ720898:RXS720898 RNU720898:RNW720898 RDY720898:REA720898 QUC720898:QUE720898 QKG720898:QKI720898 QAK720898:QAM720898 PQO720898:PQQ720898 PGS720898:PGU720898 OWW720898:OWY720898 ONA720898:ONC720898 ODE720898:ODG720898 NTI720898:NTK720898 NJM720898:NJO720898 MZQ720898:MZS720898 MPU720898:MPW720898 MFY720898:MGA720898 LWC720898:LWE720898 LMG720898:LMI720898 LCK720898:LCM720898 KSO720898:KSQ720898 KIS720898:KIU720898 JYW720898:JYY720898 JPA720898:JPC720898 JFE720898:JFG720898 IVI720898:IVK720898 ILM720898:ILO720898 IBQ720898:IBS720898 HRU720898:HRW720898 HHY720898:HIA720898 GYC720898:GYE720898 GOG720898:GOI720898 GEK720898:GEM720898 FUO720898:FUQ720898 FKS720898:FKU720898 FAW720898:FAY720898 ERA720898:ERC720898 EHE720898:EHG720898 DXI720898:DXK720898 DNM720898:DNO720898 DDQ720898:DDS720898 CTU720898:CTW720898 CJY720898:CKA720898 CAC720898:CAE720898 BQG720898:BQI720898 BGK720898:BGM720898 AWO720898:AWQ720898 AMS720898:AMU720898 ACW720898:ACY720898 TA720898:TC720898 JE720898:JG720898 O720898:Q720898 WVQ655362:WVS655362 WLU655362:WLW655362 WBY655362:WCA655362 VSC655362:VSE655362 VIG655362:VII655362 UYK655362:UYM655362 UOO655362:UOQ655362 UES655362:UEU655362 TUW655362:TUY655362 TLA655362:TLC655362 TBE655362:TBG655362 SRI655362:SRK655362 SHM655362:SHO655362 RXQ655362:RXS655362 RNU655362:RNW655362 RDY655362:REA655362 QUC655362:QUE655362 QKG655362:QKI655362 QAK655362:QAM655362 PQO655362:PQQ655362 PGS655362:PGU655362 OWW655362:OWY655362 ONA655362:ONC655362 ODE655362:ODG655362 NTI655362:NTK655362 NJM655362:NJO655362 MZQ655362:MZS655362 MPU655362:MPW655362 MFY655362:MGA655362 LWC655362:LWE655362 LMG655362:LMI655362 LCK655362:LCM655362 KSO655362:KSQ655362 KIS655362:KIU655362 JYW655362:JYY655362 JPA655362:JPC655362 JFE655362:JFG655362 IVI655362:IVK655362 ILM655362:ILO655362 IBQ655362:IBS655362 HRU655362:HRW655362 HHY655362:HIA655362 GYC655362:GYE655362 GOG655362:GOI655362 GEK655362:GEM655362 FUO655362:FUQ655362 FKS655362:FKU655362 FAW655362:FAY655362 ERA655362:ERC655362 EHE655362:EHG655362 DXI655362:DXK655362 DNM655362:DNO655362 DDQ655362:DDS655362 CTU655362:CTW655362 CJY655362:CKA655362 CAC655362:CAE655362 BQG655362:BQI655362 BGK655362:BGM655362 AWO655362:AWQ655362 AMS655362:AMU655362 ACW655362:ACY655362 TA655362:TC655362 JE655362:JG655362 O655362:Q655362 WVQ589826:WVS589826 WLU589826:WLW589826 WBY589826:WCA589826 VSC589826:VSE589826 VIG589826:VII589826 UYK589826:UYM589826 UOO589826:UOQ589826 UES589826:UEU589826 TUW589826:TUY589826 TLA589826:TLC589826 TBE589826:TBG589826 SRI589826:SRK589826 SHM589826:SHO589826 RXQ589826:RXS589826 RNU589826:RNW589826 RDY589826:REA589826 QUC589826:QUE589826 QKG589826:QKI589826 QAK589826:QAM589826 PQO589826:PQQ589826 PGS589826:PGU589826 OWW589826:OWY589826 ONA589826:ONC589826 ODE589826:ODG589826 NTI589826:NTK589826 NJM589826:NJO589826 MZQ589826:MZS589826 MPU589826:MPW589826 MFY589826:MGA589826 LWC589826:LWE589826 LMG589826:LMI589826 LCK589826:LCM589826 KSO589826:KSQ589826 KIS589826:KIU589826 JYW589826:JYY589826 JPA589826:JPC589826 JFE589826:JFG589826 IVI589826:IVK589826 ILM589826:ILO589826 IBQ589826:IBS589826 HRU589826:HRW589826 HHY589826:HIA589826 GYC589826:GYE589826 GOG589826:GOI589826 GEK589826:GEM589826 FUO589826:FUQ589826 FKS589826:FKU589826 FAW589826:FAY589826 ERA589826:ERC589826 EHE589826:EHG589826 DXI589826:DXK589826 DNM589826:DNO589826 DDQ589826:DDS589826 CTU589826:CTW589826 CJY589826:CKA589826 CAC589826:CAE589826 BQG589826:BQI589826 BGK589826:BGM589826 AWO589826:AWQ589826 AMS589826:AMU589826 ACW589826:ACY589826 TA589826:TC589826 JE589826:JG589826 O589826:Q589826 WVQ524290:WVS524290 WLU524290:WLW524290 WBY524290:WCA524290 VSC524290:VSE524290 VIG524290:VII524290 UYK524290:UYM524290 UOO524290:UOQ524290 UES524290:UEU524290 TUW524290:TUY524290 TLA524290:TLC524290 TBE524290:TBG524290 SRI524290:SRK524290 SHM524290:SHO524290 RXQ524290:RXS524290 RNU524290:RNW524290 RDY524290:REA524290 QUC524290:QUE524290 QKG524290:QKI524290 QAK524290:QAM524290 PQO524290:PQQ524290 PGS524290:PGU524290 OWW524290:OWY524290 ONA524290:ONC524290 ODE524290:ODG524290 NTI524290:NTK524290 NJM524290:NJO524290 MZQ524290:MZS524290 MPU524290:MPW524290 MFY524290:MGA524290 LWC524290:LWE524290 LMG524290:LMI524290 LCK524290:LCM524290 KSO524290:KSQ524290 KIS524290:KIU524290 JYW524290:JYY524290 JPA524290:JPC524290 JFE524290:JFG524290 IVI524290:IVK524290 ILM524290:ILO524290 IBQ524290:IBS524290 HRU524290:HRW524290 HHY524290:HIA524290 GYC524290:GYE524290 GOG524290:GOI524290 GEK524290:GEM524290 FUO524290:FUQ524290 FKS524290:FKU524290 FAW524290:FAY524290 ERA524290:ERC524290 EHE524290:EHG524290 DXI524290:DXK524290 DNM524290:DNO524290 DDQ524290:DDS524290 CTU524290:CTW524290 CJY524290:CKA524290 CAC524290:CAE524290 BQG524290:BQI524290 BGK524290:BGM524290 AWO524290:AWQ524290 AMS524290:AMU524290 ACW524290:ACY524290 TA524290:TC524290 JE524290:JG524290 O524290:Q524290 WVQ458754:WVS458754 WLU458754:WLW458754 WBY458754:WCA458754 VSC458754:VSE458754 VIG458754:VII458754 UYK458754:UYM458754 UOO458754:UOQ458754 UES458754:UEU458754 TUW458754:TUY458754 TLA458754:TLC458754 TBE458754:TBG458754 SRI458754:SRK458754 SHM458754:SHO458754 RXQ458754:RXS458754 RNU458754:RNW458754 RDY458754:REA458754 QUC458754:QUE458754 QKG458754:QKI458754 QAK458754:QAM458754 PQO458754:PQQ458754 PGS458754:PGU458754 OWW458754:OWY458754 ONA458754:ONC458754 ODE458754:ODG458754 NTI458754:NTK458754 NJM458754:NJO458754 MZQ458754:MZS458754 MPU458754:MPW458754 MFY458754:MGA458754 LWC458754:LWE458754 LMG458754:LMI458754 LCK458754:LCM458754 KSO458754:KSQ458754 KIS458754:KIU458754 JYW458754:JYY458754 JPA458754:JPC458754 JFE458754:JFG458754 IVI458754:IVK458754 ILM458754:ILO458754 IBQ458754:IBS458754 HRU458754:HRW458754 HHY458754:HIA458754 GYC458754:GYE458754 GOG458754:GOI458754 GEK458754:GEM458754 FUO458754:FUQ458754 FKS458754:FKU458754 FAW458754:FAY458754 ERA458754:ERC458754 EHE458754:EHG458754 DXI458754:DXK458754 DNM458754:DNO458754 DDQ458754:DDS458754 CTU458754:CTW458754 CJY458754:CKA458754 CAC458754:CAE458754 BQG458754:BQI458754 BGK458754:BGM458754 AWO458754:AWQ458754 AMS458754:AMU458754 ACW458754:ACY458754 TA458754:TC458754 JE458754:JG458754 O458754:Q458754 WVQ393218:WVS393218 WLU393218:WLW393218 WBY393218:WCA393218 VSC393218:VSE393218 VIG393218:VII393218 UYK393218:UYM393218 UOO393218:UOQ393218 UES393218:UEU393218 TUW393218:TUY393218 TLA393218:TLC393218 TBE393218:TBG393218 SRI393218:SRK393218 SHM393218:SHO393218 RXQ393218:RXS393218 RNU393218:RNW393218 RDY393218:REA393218 QUC393218:QUE393218 QKG393218:QKI393218 QAK393218:QAM393218 PQO393218:PQQ393218 PGS393218:PGU393218 OWW393218:OWY393218 ONA393218:ONC393218 ODE393218:ODG393218 NTI393218:NTK393218 NJM393218:NJO393218 MZQ393218:MZS393218 MPU393218:MPW393218 MFY393218:MGA393218 LWC393218:LWE393218 LMG393218:LMI393218 LCK393218:LCM393218 KSO393218:KSQ393218 KIS393218:KIU393218 JYW393218:JYY393218 JPA393218:JPC393218 JFE393218:JFG393218 IVI393218:IVK393218 ILM393218:ILO393218 IBQ393218:IBS393218 HRU393218:HRW393218 HHY393218:HIA393218 GYC393218:GYE393218 GOG393218:GOI393218 GEK393218:GEM393218 FUO393218:FUQ393218 FKS393218:FKU393218 FAW393218:FAY393218 ERA393218:ERC393218 EHE393218:EHG393218 DXI393218:DXK393218 DNM393218:DNO393218 DDQ393218:DDS393218 CTU393218:CTW393218 CJY393218:CKA393218 CAC393218:CAE393218 BQG393218:BQI393218 BGK393218:BGM393218 AWO393218:AWQ393218 AMS393218:AMU393218 ACW393218:ACY393218 TA393218:TC393218 JE393218:JG393218 O393218:Q393218 WVQ327682:WVS327682 WLU327682:WLW327682 WBY327682:WCA327682 VSC327682:VSE327682 VIG327682:VII327682 UYK327682:UYM327682 UOO327682:UOQ327682 UES327682:UEU327682 TUW327682:TUY327682 TLA327682:TLC327682 TBE327682:TBG327682 SRI327682:SRK327682 SHM327682:SHO327682 RXQ327682:RXS327682 RNU327682:RNW327682 RDY327682:REA327682 QUC327682:QUE327682 QKG327682:QKI327682 QAK327682:QAM327682 PQO327682:PQQ327682 PGS327682:PGU327682 OWW327682:OWY327682 ONA327682:ONC327682 ODE327682:ODG327682 NTI327682:NTK327682 NJM327682:NJO327682 MZQ327682:MZS327682 MPU327682:MPW327682 MFY327682:MGA327682 LWC327682:LWE327682 LMG327682:LMI327682 LCK327682:LCM327682 KSO327682:KSQ327682 KIS327682:KIU327682 JYW327682:JYY327682 JPA327682:JPC327682 JFE327682:JFG327682 IVI327682:IVK327682 ILM327682:ILO327682 IBQ327682:IBS327682 HRU327682:HRW327682 HHY327682:HIA327682 GYC327682:GYE327682 GOG327682:GOI327682 GEK327682:GEM327682 FUO327682:FUQ327682 FKS327682:FKU327682 FAW327682:FAY327682 ERA327682:ERC327682 EHE327682:EHG327682 DXI327682:DXK327682 DNM327682:DNO327682 DDQ327682:DDS327682 CTU327682:CTW327682 CJY327682:CKA327682 CAC327682:CAE327682 BQG327682:BQI327682 BGK327682:BGM327682 AWO327682:AWQ327682 AMS327682:AMU327682 ACW327682:ACY327682 TA327682:TC327682 JE327682:JG327682 O327682:Q327682 WVQ262146:WVS262146 WLU262146:WLW262146 WBY262146:WCA262146 VSC262146:VSE262146 VIG262146:VII262146 UYK262146:UYM262146 UOO262146:UOQ262146 UES262146:UEU262146 TUW262146:TUY262146 TLA262146:TLC262146 TBE262146:TBG262146 SRI262146:SRK262146 SHM262146:SHO262146 RXQ262146:RXS262146 RNU262146:RNW262146 RDY262146:REA262146 QUC262146:QUE262146 QKG262146:QKI262146 QAK262146:QAM262146 PQO262146:PQQ262146 PGS262146:PGU262146 OWW262146:OWY262146 ONA262146:ONC262146 ODE262146:ODG262146 NTI262146:NTK262146 NJM262146:NJO262146 MZQ262146:MZS262146 MPU262146:MPW262146 MFY262146:MGA262146 LWC262146:LWE262146 LMG262146:LMI262146 LCK262146:LCM262146 KSO262146:KSQ262146 KIS262146:KIU262146 JYW262146:JYY262146 JPA262146:JPC262146 JFE262146:JFG262146 IVI262146:IVK262146 ILM262146:ILO262146 IBQ262146:IBS262146 HRU262146:HRW262146 HHY262146:HIA262146 GYC262146:GYE262146 GOG262146:GOI262146 GEK262146:GEM262146 FUO262146:FUQ262146 FKS262146:FKU262146 FAW262146:FAY262146 ERA262146:ERC262146 EHE262146:EHG262146 DXI262146:DXK262146 DNM262146:DNO262146 DDQ262146:DDS262146 CTU262146:CTW262146 CJY262146:CKA262146 CAC262146:CAE262146 BQG262146:BQI262146 BGK262146:BGM262146 AWO262146:AWQ262146 AMS262146:AMU262146 ACW262146:ACY262146 TA262146:TC262146 JE262146:JG262146 O262146:Q262146 WVQ196610:WVS196610 WLU196610:WLW196610 WBY196610:WCA196610 VSC196610:VSE196610 VIG196610:VII196610 UYK196610:UYM196610 UOO196610:UOQ196610 UES196610:UEU196610 TUW196610:TUY196610 TLA196610:TLC196610 TBE196610:TBG196610 SRI196610:SRK196610 SHM196610:SHO196610 RXQ196610:RXS196610 RNU196610:RNW196610 RDY196610:REA196610 QUC196610:QUE196610 QKG196610:QKI196610 QAK196610:QAM196610 PQO196610:PQQ196610 PGS196610:PGU196610 OWW196610:OWY196610 ONA196610:ONC196610 ODE196610:ODG196610 NTI196610:NTK196610 NJM196610:NJO196610 MZQ196610:MZS196610 MPU196610:MPW196610 MFY196610:MGA196610 LWC196610:LWE196610 LMG196610:LMI196610 LCK196610:LCM196610 KSO196610:KSQ196610 KIS196610:KIU196610 JYW196610:JYY196610 JPA196610:JPC196610 JFE196610:JFG196610 IVI196610:IVK196610 ILM196610:ILO196610 IBQ196610:IBS196610 HRU196610:HRW196610 HHY196610:HIA196610 GYC196610:GYE196610 GOG196610:GOI196610 GEK196610:GEM196610 FUO196610:FUQ196610 FKS196610:FKU196610 FAW196610:FAY196610 ERA196610:ERC196610 EHE196610:EHG196610 DXI196610:DXK196610 DNM196610:DNO196610 DDQ196610:DDS196610 CTU196610:CTW196610 CJY196610:CKA196610 CAC196610:CAE196610 BQG196610:BQI196610 BGK196610:BGM196610 AWO196610:AWQ196610 AMS196610:AMU196610 ACW196610:ACY196610 TA196610:TC196610 JE196610:JG196610 O196610:Q196610 WVQ131074:WVS131074 WLU131074:WLW131074 WBY131074:WCA131074 VSC131074:VSE131074 VIG131074:VII131074 UYK131074:UYM131074 UOO131074:UOQ131074 UES131074:UEU131074 TUW131074:TUY131074 TLA131074:TLC131074 TBE131074:TBG131074 SRI131074:SRK131074 SHM131074:SHO131074 RXQ131074:RXS131074 RNU131074:RNW131074 RDY131074:REA131074 QUC131074:QUE131074 QKG131074:QKI131074 QAK131074:QAM131074 PQO131074:PQQ131074 PGS131074:PGU131074 OWW131074:OWY131074 ONA131074:ONC131074 ODE131074:ODG131074 NTI131074:NTK131074 NJM131074:NJO131074 MZQ131074:MZS131074 MPU131074:MPW131074 MFY131074:MGA131074 LWC131074:LWE131074 LMG131074:LMI131074 LCK131074:LCM131074 KSO131074:KSQ131074 KIS131074:KIU131074 JYW131074:JYY131074 JPA131074:JPC131074 JFE131074:JFG131074 IVI131074:IVK131074 ILM131074:ILO131074 IBQ131074:IBS131074 HRU131074:HRW131074 HHY131074:HIA131074 GYC131074:GYE131074 GOG131074:GOI131074 GEK131074:GEM131074 FUO131074:FUQ131074 FKS131074:FKU131074 FAW131074:FAY131074 ERA131074:ERC131074 EHE131074:EHG131074 DXI131074:DXK131074 DNM131074:DNO131074 DDQ131074:DDS131074 CTU131074:CTW131074 CJY131074:CKA131074 CAC131074:CAE131074 BQG131074:BQI131074 BGK131074:BGM131074 AWO131074:AWQ131074 AMS131074:AMU131074 ACW131074:ACY131074 TA131074:TC131074 JE131074:JG131074 O131074:Q131074 WVQ65538:WVS65538 WLU65538:WLW65538 WBY65538:WCA65538 VSC65538:VSE65538 VIG65538:VII65538 UYK65538:UYM65538 UOO65538:UOQ65538 UES65538:UEU65538 TUW65538:TUY65538 TLA65538:TLC65538 TBE65538:TBG65538 SRI65538:SRK65538 SHM65538:SHO65538 RXQ65538:RXS65538 RNU65538:RNW65538 RDY65538:REA65538 QUC65538:QUE65538 QKG65538:QKI65538 QAK65538:QAM65538 PQO65538:PQQ65538 PGS65538:PGU65538 OWW65538:OWY65538 ONA65538:ONC65538 ODE65538:ODG65538 NTI65538:NTK65538 NJM65538:NJO65538 MZQ65538:MZS65538 MPU65538:MPW65538 MFY65538:MGA65538 LWC65538:LWE65538 LMG65538:LMI65538 LCK65538:LCM65538 KSO65538:KSQ65538 KIS65538:KIU65538 JYW65538:JYY65538 JPA65538:JPC65538 JFE65538:JFG65538 IVI65538:IVK65538 ILM65538:ILO65538 IBQ65538:IBS65538 HRU65538:HRW65538 HHY65538:HIA65538 GYC65538:GYE65538 GOG65538:GOI65538 GEK65538:GEM65538 FUO65538:FUQ65538 FKS65538:FKU65538 FAW65538:FAY65538 ERA65538:ERC65538 EHE65538:EHG65538 DXI65538:DXK65538 DNM65538:DNO65538 DDQ65538:DDS65538 CTU65538:CTW65538 CJY65538:CKA65538 CAC65538:CAE65538 BQG65538:BQI65538 BGK65538:BGM65538 AWO65538:AWQ65538 AMS65538:AMU65538 ACW65538:ACY65538 TA65538:TC65538 JE65538:JG65538 O65538:Q65538">
      <formula1>I65537&amp;""=ASC(I65537)</formula1>
    </dataValidation>
    <dataValidation imeMode="halfAlpha" allowBlank="1" showInputMessage="1" showErrorMessage="1" sqref="WVQ983047:WVS983047 WLU983047:WLW983047 WBY983047:WCA983047 VSC983047:VSE983047 VIG983047:VII983047 UYK983047:UYM983047 UOO983047:UOQ983047 UES983047:UEU983047 TUW983047:TUY983047 TLA983047:TLC983047 TBE983047:TBG983047 SRI983047:SRK983047 SHM983047:SHO983047 RXQ983047:RXS983047 RNU983047:RNW983047 RDY983047:REA983047 QUC983047:QUE983047 QKG983047:QKI983047 QAK983047:QAM983047 PQO983047:PQQ983047 PGS983047:PGU983047 OWW983047:OWY983047 ONA983047:ONC983047 ODE983047:ODG983047 NTI983047:NTK983047 NJM983047:NJO983047 MZQ983047:MZS983047 MPU983047:MPW983047 MFY983047:MGA983047 LWC983047:LWE983047 LMG983047:LMI983047 LCK983047:LCM983047 KSO983047:KSQ983047 KIS983047:KIU983047 JYW983047:JYY983047 JPA983047:JPC983047 JFE983047:JFG983047 IVI983047:IVK983047 ILM983047:ILO983047 IBQ983047:IBS983047 HRU983047:HRW983047 HHY983047:HIA983047 GYC983047:GYE983047 GOG983047:GOI983047 GEK983047:GEM983047 FUO983047:FUQ983047 FKS983047:FKU983047 FAW983047:FAY983047 ERA983047:ERC983047 EHE983047:EHG983047 DXI983047:DXK983047 DNM983047:DNO983047 DDQ983047:DDS983047 CTU983047:CTW983047 CJY983047:CKA983047 CAC983047:CAE983047 BQG983047:BQI983047 BGK983047:BGM983047 AWO983047:AWQ983047 AMS983047:AMU983047 ACW983047:ACY983047 TA983047:TC983047 JE983047:JG983047 O983047:Q983047 WVQ917511:WVS917511 WLU917511:WLW917511 WBY917511:WCA917511 VSC917511:VSE917511 VIG917511:VII917511 UYK917511:UYM917511 UOO917511:UOQ917511 UES917511:UEU917511 TUW917511:TUY917511 TLA917511:TLC917511 TBE917511:TBG917511 SRI917511:SRK917511 SHM917511:SHO917511 RXQ917511:RXS917511 RNU917511:RNW917511 RDY917511:REA917511 QUC917511:QUE917511 QKG917511:QKI917511 QAK917511:QAM917511 PQO917511:PQQ917511 PGS917511:PGU917511 OWW917511:OWY917511 ONA917511:ONC917511 ODE917511:ODG917511 NTI917511:NTK917511 NJM917511:NJO917511 MZQ917511:MZS917511 MPU917511:MPW917511 MFY917511:MGA917511 LWC917511:LWE917511 LMG917511:LMI917511 LCK917511:LCM917511 KSO917511:KSQ917511 KIS917511:KIU917511 JYW917511:JYY917511 JPA917511:JPC917511 JFE917511:JFG917511 IVI917511:IVK917511 ILM917511:ILO917511 IBQ917511:IBS917511 HRU917511:HRW917511 HHY917511:HIA917511 GYC917511:GYE917511 GOG917511:GOI917511 GEK917511:GEM917511 FUO917511:FUQ917511 FKS917511:FKU917511 FAW917511:FAY917511 ERA917511:ERC917511 EHE917511:EHG917511 DXI917511:DXK917511 DNM917511:DNO917511 DDQ917511:DDS917511 CTU917511:CTW917511 CJY917511:CKA917511 CAC917511:CAE917511 BQG917511:BQI917511 BGK917511:BGM917511 AWO917511:AWQ917511 AMS917511:AMU917511 ACW917511:ACY917511 TA917511:TC917511 JE917511:JG917511 O917511:Q917511 WVQ851975:WVS851975 WLU851975:WLW851975 WBY851975:WCA851975 VSC851975:VSE851975 VIG851975:VII851975 UYK851975:UYM851975 UOO851975:UOQ851975 UES851975:UEU851975 TUW851975:TUY851975 TLA851975:TLC851975 TBE851975:TBG851975 SRI851975:SRK851975 SHM851975:SHO851975 RXQ851975:RXS851975 RNU851975:RNW851975 RDY851975:REA851975 QUC851975:QUE851975 QKG851975:QKI851975 QAK851975:QAM851975 PQO851975:PQQ851975 PGS851975:PGU851975 OWW851975:OWY851975 ONA851975:ONC851975 ODE851975:ODG851975 NTI851975:NTK851975 NJM851975:NJO851975 MZQ851975:MZS851975 MPU851975:MPW851975 MFY851975:MGA851975 LWC851975:LWE851975 LMG851975:LMI851975 LCK851975:LCM851975 KSO851975:KSQ851975 KIS851975:KIU851975 JYW851975:JYY851975 JPA851975:JPC851975 JFE851975:JFG851975 IVI851975:IVK851975 ILM851975:ILO851975 IBQ851975:IBS851975 HRU851975:HRW851975 HHY851975:HIA851975 GYC851975:GYE851975 GOG851975:GOI851975 GEK851975:GEM851975 FUO851975:FUQ851975 FKS851975:FKU851975 FAW851975:FAY851975 ERA851975:ERC851975 EHE851975:EHG851975 DXI851975:DXK851975 DNM851975:DNO851975 DDQ851975:DDS851975 CTU851975:CTW851975 CJY851975:CKA851975 CAC851975:CAE851975 BQG851975:BQI851975 BGK851975:BGM851975 AWO851975:AWQ851975 AMS851975:AMU851975 ACW851975:ACY851975 TA851975:TC851975 JE851975:JG851975 O851975:Q851975 WVQ786439:WVS786439 WLU786439:WLW786439 WBY786439:WCA786439 VSC786439:VSE786439 VIG786439:VII786439 UYK786439:UYM786439 UOO786439:UOQ786439 UES786439:UEU786439 TUW786439:TUY786439 TLA786439:TLC786439 TBE786439:TBG786439 SRI786439:SRK786439 SHM786439:SHO786439 RXQ786439:RXS786439 RNU786439:RNW786439 RDY786439:REA786439 QUC786439:QUE786439 QKG786439:QKI786439 QAK786439:QAM786439 PQO786439:PQQ786439 PGS786439:PGU786439 OWW786439:OWY786439 ONA786439:ONC786439 ODE786439:ODG786439 NTI786439:NTK786439 NJM786439:NJO786439 MZQ786439:MZS786439 MPU786439:MPW786439 MFY786439:MGA786439 LWC786439:LWE786439 LMG786439:LMI786439 LCK786439:LCM786439 KSO786439:KSQ786439 KIS786439:KIU786439 JYW786439:JYY786439 JPA786439:JPC786439 JFE786439:JFG786439 IVI786439:IVK786439 ILM786439:ILO786439 IBQ786439:IBS786439 HRU786439:HRW786439 HHY786439:HIA786439 GYC786439:GYE786439 GOG786439:GOI786439 GEK786439:GEM786439 FUO786439:FUQ786439 FKS786439:FKU786439 FAW786439:FAY786439 ERA786439:ERC786439 EHE786439:EHG786439 DXI786439:DXK786439 DNM786439:DNO786439 DDQ786439:DDS786439 CTU786439:CTW786439 CJY786439:CKA786439 CAC786439:CAE786439 BQG786439:BQI786439 BGK786439:BGM786439 AWO786439:AWQ786439 AMS786439:AMU786439 ACW786439:ACY786439 TA786439:TC786439 JE786439:JG786439 O786439:Q786439 WVQ720903:WVS720903 WLU720903:WLW720903 WBY720903:WCA720903 VSC720903:VSE720903 VIG720903:VII720903 UYK720903:UYM720903 UOO720903:UOQ720903 UES720903:UEU720903 TUW720903:TUY720903 TLA720903:TLC720903 TBE720903:TBG720903 SRI720903:SRK720903 SHM720903:SHO720903 RXQ720903:RXS720903 RNU720903:RNW720903 RDY720903:REA720903 QUC720903:QUE720903 QKG720903:QKI720903 QAK720903:QAM720903 PQO720903:PQQ720903 PGS720903:PGU720903 OWW720903:OWY720903 ONA720903:ONC720903 ODE720903:ODG720903 NTI720903:NTK720903 NJM720903:NJO720903 MZQ720903:MZS720903 MPU720903:MPW720903 MFY720903:MGA720903 LWC720903:LWE720903 LMG720903:LMI720903 LCK720903:LCM720903 KSO720903:KSQ720903 KIS720903:KIU720903 JYW720903:JYY720903 JPA720903:JPC720903 JFE720903:JFG720903 IVI720903:IVK720903 ILM720903:ILO720903 IBQ720903:IBS720903 HRU720903:HRW720903 HHY720903:HIA720903 GYC720903:GYE720903 GOG720903:GOI720903 GEK720903:GEM720903 FUO720903:FUQ720903 FKS720903:FKU720903 FAW720903:FAY720903 ERA720903:ERC720903 EHE720903:EHG720903 DXI720903:DXK720903 DNM720903:DNO720903 DDQ720903:DDS720903 CTU720903:CTW720903 CJY720903:CKA720903 CAC720903:CAE720903 BQG720903:BQI720903 BGK720903:BGM720903 AWO720903:AWQ720903 AMS720903:AMU720903 ACW720903:ACY720903 TA720903:TC720903 JE720903:JG720903 O720903:Q720903 WVQ655367:WVS655367 WLU655367:WLW655367 WBY655367:WCA655367 VSC655367:VSE655367 VIG655367:VII655367 UYK655367:UYM655367 UOO655367:UOQ655367 UES655367:UEU655367 TUW655367:TUY655367 TLA655367:TLC655367 TBE655367:TBG655367 SRI655367:SRK655367 SHM655367:SHO655367 RXQ655367:RXS655367 RNU655367:RNW655367 RDY655367:REA655367 QUC655367:QUE655367 QKG655367:QKI655367 QAK655367:QAM655367 PQO655367:PQQ655367 PGS655367:PGU655367 OWW655367:OWY655367 ONA655367:ONC655367 ODE655367:ODG655367 NTI655367:NTK655367 NJM655367:NJO655367 MZQ655367:MZS655367 MPU655367:MPW655367 MFY655367:MGA655367 LWC655367:LWE655367 LMG655367:LMI655367 LCK655367:LCM655367 KSO655367:KSQ655367 KIS655367:KIU655367 JYW655367:JYY655367 JPA655367:JPC655367 JFE655367:JFG655367 IVI655367:IVK655367 ILM655367:ILO655367 IBQ655367:IBS655367 HRU655367:HRW655367 HHY655367:HIA655367 GYC655367:GYE655367 GOG655367:GOI655367 GEK655367:GEM655367 FUO655367:FUQ655367 FKS655367:FKU655367 FAW655367:FAY655367 ERA655367:ERC655367 EHE655367:EHG655367 DXI655367:DXK655367 DNM655367:DNO655367 DDQ655367:DDS655367 CTU655367:CTW655367 CJY655367:CKA655367 CAC655367:CAE655367 BQG655367:BQI655367 BGK655367:BGM655367 AWO655367:AWQ655367 AMS655367:AMU655367 ACW655367:ACY655367 TA655367:TC655367 JE655367:JG655367 O655367:Q655367 WVQ589831:WVS589831 WLU589831:WLW589831 WBY589831:WCA589831 VSC589831:VSE589831 VIG589831:VII589831 UYK589831:UYM589831 UOO589831:UOQ589831 UES589831:UEU589831 TUW589831:TUY589831 TLA589831:TLC589831 TBE589831:TBG589831 SRI589831:SRK589831 SHM589831:SHO589831 RXQ589831:RXS589831 RNU589831:RNW589831 RDY589831:REA589831 QUC589831:QUE589831 QKG589831:QKI589831 QAK589831:QAM589831 PQO589831:PQQ589831 PGS589831:PGU589831 OWW589831:OWY589831 ONA589831:ONC589831 ODE589831:ODG589831 NTI589831:NTK589831 NJM589831:NJO589831 MZQ589831:MZS589831 MPU589831:MPW589831 MFY589831:MGA589831 LWC589831:LWE589831 LMG589831:LMI589831 LCK589831:LCM589831 KSO589831:KSQ589831 KIS589831:KIU589831 JYW589831:JYY589831 JPA589831:JPC589831 JFE589831:JFG589831 IVI589831:IVK589831 ILM589831:ILO589831 IBQ589831:IBS589831 HRU589831:HRW589831 HHY589831:HIA589831 GYC589831:GYE589831 GOG589831:GOI589831 GEK589831:GEM589831 FUO589831:FUQ589831 FKS589831:FKU589831 FAW589831:FAY589831 ERA589831:ERC589831 EHE589831:EHG589831 DXI589831:DXK589831 DNM589831:DNO589831 DDQ589831:DDS589831 CTU589831:CTW589831 CJY589831:CKA589831 CAC589831:CAE589831 BQG589831:BQI589831 BGK589831:BGM589831 AWO589831:AWQ589831 AMS589831:AMU589831 ACW589831:ACY589831 TA589831:TC589831 JE589831:JG589831 O589831:Q589831 WVQ524295:WVS524295 WLU524295:WLW524295 WBY524295:WCA524295 VSC524295:VSE524295 VIG524295:VII524295 UYK524295:UYM524295 UOO524295:UOQ524295 UES524295:UEU524295 TUW524295:TUY524295 TLA524295:TLC524295 TBE524295:TBG524295 SRI524295:SRK524295 SHM524295:SHO524295 RXQ524295:RXS524295 RNU524295:RNW524295 RDY524295:REA524295 QUC524295:QUE524295 QKG524295:QKI524295 QAK524295:QAM524295 PQO524295:PQQ524295 PGS524295:PGU524295 OWW524295:OWY524295 ONA524295:ONC524295 ODE524295:ODG524295 NTI524295:NTK524295 NJM524295:NJO524295 MZQ524295:MZS524295 MPU524295:MPW524295 MFY524295:MGA524295 LWC524295:LWE524295 LMG524295:LMI524295 LCK524295:LCM524295 KSO524295:KSQ524295 KIS524295:KIU524295 JYW524295:JYY524295 JPA524295:JPC524295 JFE524295:JFG524295 IVI524295:IVK524295 ILM524295:ILO524295 IBQ524295:IBS524295 HRU524295:HRW524295 HHY524295:HIA524295 GYC524295:GYE524295 GOG524295:GOI524295 GEK524295:GEM524295 FUO524295:FUQ524295 FKS524295:FKU524295 FAW524295:FAY524295 ERA524295:ERC524295 EHE524295:EHG524295 DXI524295:DXK524295 DNM524295:DNO524295 DDQ524295:DDS524295 CTU524295:CTW524295 CJY524295:CKA524295 CAC524295:CAE524295 BQG524295:BQI524295 BGK524295:BGM524295 AWO524295:AWQ524295 AMS524295:AMU524295 ACW524295:ACY524295 TA524295:TC524295 JE524295:JG524295 O524295:Q524295 WVQ458759:WVS458759 WLU458759:WLW458759 WBY458759:WCA458759 VSC458759:VSE458759 VIG458759:VII458759 UYK458759:UYM458759 UOO458759:UOQ458759 UES458759:UEU458759 TUW458759:TUY458759 TLA458759:TLC458759 TBE458759:TBG458759 SRI458759:SRK458759 SHM458759:SHO458759 RXQ458759:RXS458759 RNU458759:RNW458759 RDY458759:REA458759 QUC458759:QUE458759 QKG458759:QKI458759 QAK458759:QAM458759 PQO458759:PQQ458759 PGS458759:PGU458759 OWW458759:OWY458759 ONA458759:ONC458759 ODE458759:ODG458759 NTI458759:NTK458759 NJM458759:NJO458759 MZQ458759:MZS458759 MPU458759:MPW458759 MFY458759:MGA458759 LWC458759:LWE458759 LMG458759:LMI458759 LCK458759:LCM458759 KSO458759:KSQ458759 KIS458759:KIU458759 JYW458759:JYY458759 JPA458759:JPC458759 JFE458759:JFG458759 IVI458759:IVK458759 ILM458759:ILO458759 IBQ458759:IBS458759 HRU458759:HRW458759 HHY458759:HIA458759 GYC458759:GYE458759 GOG458759:GOI458759 GEK458759:GEM458759 FUO458759:FUQ458759 FKS458759:FKU458759 FAW458759:FAY458759 ERA458759:ERC458759 EHE458759:EHG458759 DXI458759:DXK458759 DNM458759:DNO458759 DDQ458759:DDS458759 CTU458759:CTW458759 CJY458759:CKA458759 CAC458759:CAE458759 BQG458759:BQI458759 BGK458759:BGM458759 AWO458759:AWQ458759 AMS458759:AMU458759 ACW458759:ACY458759 TA458759:TC458759 JE458759:JG458759 O458759:Q458759 WVQ393223:WVS393223 WLU393223:WLW393223 WBY393223:WCA393223 VSC393223:VSE393223 VIG393223:VII393223 UYK393223:UYM393223 UOO393223:UOQ393223 UES393223:UEU393223 TUW393223:TUY393223 TLA393223:TLC393223 TBE393223:TBG393223 SRI393223:SRK393223 SHM393223:SHO393223 RXQ393223:RXS393223 RNU393223:RNW393223 RDY393223:REA393223 QUC393223:QUE393223 QKG393223:QKI393223 QAK393223:QAM393223 PQO393223:PQQ393223 PGS393223:PGU393223 OWW393223:OWY393223 ONA393223:ONC393223 ODE393223:ODG393223 NTI393223:NTK393223 NJM393223:NJO393223 MZQ393223:MZS393223 MPU393223:MPW393223 MFY393223:MGA393223 LWC393223:LWE393223 LMG393223:LMI393223 LCK393223:LCM393223 KSO393223:KSQ393223 KIS393223:KIU393223 JYW393223:JYY393223 JPA393223:JPC393223 JFE393223:JFG393223 IVI393223:IVK393223 ILM393223:ILO393223 IBQ393223:IBS393223 HRU393223:HRW393223 HHY393223:HIA393223 GYC393223:GYE393223 GOG393223:GOI393223 GEK393223:GEM393223 FUO393223:FUQ393223 FKS393223:FKU393223 FAW393223:FAY393223 ERA393223:ERC393223 EHE393223:EHG393223 DXI393223:DXK393223 DNM393223:DNO393223 DDQ393223:DDS393223 CTU393223:CTW393223 CJY393223:CKA393223 CAC393223:CAE393223 BQG393223:BQI393223 BGK393223:BGM393223 AWO393223:AWQ393223 AMS393223:AMU393223 ACW393223:ACY393223 TA393223:TC393223 JE393223:JG393223 O393223:Q393223 WVQ327687:WVS327687 WLU327687:WLW327687 WBY327687:WCA327687 VSC327687:VSE327687 VIG327687:VII327687 UYK327687:UYM327687 UOO327687:UOQ327687 UES327687:UEU327687 TUW327687:TUY327687 TLA327687:TLC327687 TBE327687:TBG327687 SRI327687:SRK327687 SHM327687:SHO327687 RXQ327687:RXS327687 RNU327687:RNW327687 RDY327687:REA327687 QUC327687:QUE327687 QKG327687:QKI327687 QAK327687:QAM327687 PQO327687:PQQ327687 PGS327687:PGU327687 OWW327687:OWY327687 ONA327687:ONC327687 ODE327687:ODG327687 NTI327687:NTK327687 NJM327687:NJO327687 MZQ327687:MZS327687 MPU327687:MPW327687 MFY327687:MGA327687 LWC327687:LWE327687 LMG327687:LMI327687 LCK327687:LCM327687 KSO327687:KSQ327687 KIS327687:KIU327687 JYW327687:JYY327687 JPA327687:JPC327687 JFE327687:JFG327687 IVI327687:IVK327687 ILM327687:ILO327687 IBQ327687:IBS327687 HRU327687:HRW327687 HHY327687:HIA327687 GYC327687:GYE327687 GOG327687:GOI327687 GEK327687:GEM327687 FUO327687:FUQ327687 FKS327687:FKU327687 FAW327687:FAY327687 ERA327687:ERC327687 EHE327687:EHG327687 DXI327687:DXK327687 DNM327687:DNO327687 DDQ327687:DDS327687 CTU327687:CTW327687 CJY327687:CKA327687 CAC327687:CAE327687 BQG327687:BQI327687 BGK327687:BGM327687 AWO327687:AWQ327687 AMS327687:AMU327687 ACW327687:ACY327687 TA327687:TC327687 JE327687:JG327687 O327687:Q327687 WVQ262151:WVS262151 WLU262151:WLW262151 WBY262151:WCA262151 VSC262151:VSE262151 VIG262151:VII262151 UYK262151:UYM262151 UOO262151:UOQ262151 UES262151:UEU262151 TUW262151:TUY262151 TLA262151:TLC262151 TBE262151:TBG262151 SRI262151:SRK262151 SHM262151:SHO262151 RXQ262151:RXS262151 RNU262151:RNW262151 RDY262151:REA262151 QUC262151:QUE262151 QKG262151:QKI262151 QAK262151:QAM262151 PQO262151:PQQ262151 PGS262151:PGU262151 OWW262151:OWY262151 ONA262151:ONC262151 ODE262151:ODG262151 NTI262151:NTK262151 NJM262151:NJO262151 MZQ262151:MZS262151 MPU262151:MPW262151 MFY262151:MGA262151 LWC262151:LWE262151 LMG262151:LMI262151 LCK262151:LCM262151 KSO262151:KSQ262151 KIS262151:KIU262151 JYW262151:JYY262151 JPA262151:JPC262151 JFE262151:JFG262151 IVI262151:IVK262151 ILM262151:ILO262151 IBQ262151:IBS262151 HRU262151:HRW262151 HHY262151:HIA262151 GYC262151:GYE262151 GOG262151:GOI262151 GEK262151:GEM262151 FUO262151:FUQ262151 FKS262151:FKU262151 FAW262151:FAY262151 ERA262151:ERC262151 EHE262151:EHG262151 DXI262151:DXK262151 DNM262151:DNO262151 DDQ262151:DDS262151 CTU262151:CTW262151 CJY262151:CKA262151 CAC262151:CAE262151 BQG262151:BQI262151 BGK262151:BGM262151 AWO262151:AWQ262151 AMS262151:AMU262151 ACW262151:ACY262151 TA262151:TC262151 JE262151:JG262151 O262151:Q262151 WVQ196615:WVS196615 WLU196615:WLW196615 WBY196615:WCA196615 VSC196615:VSE196615 VIG196615:VII196615 UYK196615:UYM196615 UOO196615:UOQ196615 UES196615:UEU196615 TUW196615:TUY196615 TLA196615:TLC196615 TBE196615:TBG196615 SRI196615:SRK196615 SHM196615:SHO196615 RXQ196615:RXS196615 RNU196615:RNW196615 RDY196615:REA196615 QUC196615:QUE196615 QKG196615:QKI196615 QAK196615:QAM196615 PQO196615:PQQ196615 PGS196615:PGU196615 OWW196615:OWY196615 ONA196615:ONC196615 ODE196615:ODG196615 NTI196615:NTK196615 NJM196615:NJO196615 MZQ196615:MZS196615 MPU196615:MPW196615 MFY196615:MGA196615 LWC196615:LWE196615 LMG196615:LMI196615 LCK196615:LCM196615 KSO196615:KSQ196615 KIS196615:KIU196615 JYW196615:JYY196615 JPA196615:JPC196615 JFE196615:JFG196615 IVI196615:IVK196615 ILM196615:ILO196615 IBQ196615:IBS196615 HRU196615:HRW196615 HHY196615:HIA196615 GYC196615:GYE196615 GOG196615:GOI196615 GEK196615:GEM196615 FUO196615:FUQ196615 FKS196615:FKU196615 FAW196615:FAY196615 ERA196615:ERC196615 EHE196615:EHG196615 DXI196615:DXK196615 DNM196615:DNO196615 DDQ196615:DDS196615 CTU196615:CTW196615 CJY196615:CKA196615 CAC196615:CAE196615 BQG196615:BQI196615 BGK196615:BGM196615 AWO196615:AWQ196615 AMS196615:AMU196615 ACW196615:ACY196615 TA196615:TC196615 JE196615:JG196615 O196615:Q196615 WVQ131079:WVS131079 WLU131079:WLW131079 WBY131079:WCA131079 VSC131079:VSE131079 VIG131079:VII131079 UYK131079:UYM131079 UOO131079:UOQ131079 UES131079:UEU131079 TUW131079:TUY131079 TLA131079:TLC131079 TBE131079:TBG131079 SRI131079:SRK131079 SHM131079:SHO131079 RXQ131079:RXS131079 RNU131079:RNW131079 RDY131079:REA131079 QUC131079:QUE131079 QKG131079:QKI131079 QAK131079:QAM131079 PQO131079:PQQ131079 PGS131079:PGU131079 OWW131079:OWY131079 ONA131079:ONC131079 ODE131079:ODG131079 NTI131079:NTK131079 NJM131079:NJO131079 MZQ131079:MZS131079 MPU131079:MPW131079 MFY131079:MGA131079 LWC131079:LWE131079 LMG131079:LMI131079 LCK131079:LCM131079 KSO131079:KSQ131079 KIS131079:KIU131079 JYW131079:JYY131079 JPA131079:JPC131079 JFE131079:JFG131079 IVI131079:IVK131079 ILM131079:ILO131079 IBQ131079:IBS131079 HRU131079:HRW131079 HHY131079:HIA131079 GYC131079:GYE131079 GOG131079:GOI131079 GEK131079:GEM131079 FUO131079:FUQ131079 FKS131079:FKU131079 FAW131079:FAY131079 ERA131079:ERC131079 EHE131079:EHG131079 DXI131079:DXK131079 DNM131079:DNO131079 DDQ131079:DDS131079 CTU131079:CTW131079 CJY131079:CKA131079 CAC131079:CAE131079 BQG131079:BQI131079 BGK131079:BGM131079 AWO131079:AWQ131079 AMS131079:AMU131079 ACW131079:ACY131079 TA131079:TC131079 JE131079:JG131079 O131079:Q131079 WVQ65543:WVS65543 WLU65543:WLW65543 WBY65543:WCA65543 VSC65543:VSE65543 VIG65543:VII65543 UYK65543:UYM65543 UOO65543:UOQ65543 UES65543:UEU65543 TUW65543:TUY65543 TLA65543:TLC65543 TBE65543:TBG65543 SRI65543:SRK65543 SHM65543:SHO65543 RXQ65543:RXS65543 RNU65543:RNW65543 RDY65543:REA65543 QUC65543:QUE65543 QKG65543:QKI65543 QAK65543:QAM65543 PQO65543:PQQ65543 PGS65543:PGU65543 OWW65543:OWY65543 ONA65543:ONC65543 ODE65543:ODG65543 NTI65543:NTK65543 NJM65543:NJO65543 MZQ65543:MZS65543 MPU65543:MPW65543 MFY65543:MGA65543 LWC65543:LWE65543 LMG65543:LMI65543 LCK65543:LCM65543 KSO65543:KSQ65543 KIS65543:KIU65543 JYW65543:JYY65543 JPA65543:JPC65543 JFE65543:JFG65543 IVI65543:IVK65543 ILM65543:ILO65543 IBQ65543:IBS65543 HRU65543:HRW65543 HHY65543:HIA65543 GYC65543:GYE65543 GOG65543:GOI65543 GEK65543:GEM65543 FUO65543:FUQ65543 FKS65543:FKU65543 FAW65543:FAY65543 ERA65543:ERC65543 EHE65543:EHG65543 DXI65543:DXK65543 DNM65543:DNO65543 DDQ65543:DDS65543 CTU65543:CTW65543 CJY65543:CKA65543 CAC65543:CAE65543 BQG65543:BQI65543 BGK65543:BGM65543 AWO65543:AWQ65543 AMS65543:AMU65543 ACW65543:ACY65543 TA65543:TC65543 JE65543:JG65543 O65543:Q65543"/>
    <dataValidation type="custom" imeMode="halfAlpha" allowBlank="1" showInputMessage="1" showErrorMessage="1" sqref="WVK983038 WLO983038 WBS983038 VRW983038 VIA983038 UYE983038 UOI983038 UEM983038 TUQ983038 TKU983038 TAY983038 SRC983038 SHG983038 RXK983038 RNO983038 RDS983038 QTW983038 QKA983038 QAE983038 PQI983038 PGM983038 OWQ983038 OMU983038 OCY983038 NTC983038 NJG983038 MZK983038 MPO983038 MFS983038 LVW983038 LMA983038 LCE983038 KSI983038 KIM983038 JYQ983038 JOU983038 JEY983038 IVC983038 ILG983038 IBK983038 HRO983038 HHS983038 GXW983038 GOA983038 GEE983038 FUI983038 FKM983038 FAQ983038 EQU983038 EGY983038 DXC983038 DNG983038 DDK983038 CTO983038 CJS983038 BZW983038 BQA983038 BGE983038 AWI983038 AMM983038 ACQ983038 SU983038 IY983038 I983038 WVK917502 WLO917502 WBS917502 VRW917502 VIA917502 UYE917502 UOI917502 UEM917502 TUQ917502 TKU917502 TAY917502 SRC917502 SHG917502 RXK917502 RNO917502 RDS917502 QTW917502 QKA917502 QAE917502 PQI917502 PGM917502 OWQ917502 OMU917502 OCY917502 NTC917502 NJG917502 MZK917502 MPO917502 MFS917502 LVW917502 LMA917502 LCE917502 KSI917502 KIM917502 JYQ917502 JOU917502 JEY917502 IVC917502 ILG917502 IBK917502 HRO917502 HHS917502 GXW917502 GOA917502 GEE917502 FUI917502 FKM917502 FAQ917502 EQU917502 EGY917502 DXC917502 DNG917502 DDK917502 CTO917502 CJS917502 BZW917502 BQA917502 BGE917502 AWI917502 AMM917502 ACQ917502 SU917502 IY917502 I917502 WVK851966 WLO851966 WBS851966 VRW851966 VIA851966 UYE851966 UOI851966 UEM851966 TUQ851966 TKU851966 TAY851966 SRC851966 SHG851966 RXK851966 RNO851966 RDS851966 QTW851966 QKA851966 QAE851966 PQI851966 PGM851966 OWQ851966 OMU851966 OCY851966 NTC851966 NJG851966 MZK851966 MPO851966 MFS851966 LVW851966 LMA851966 LCE851966 KSI851966 KIM851966 JYQ851966 JOU851966 JEY851966 IVC851966 ILG851966 IBK851966 HRO851966 HHS851966 GXW851966 GOA851966 GEE851966 FUI851966 FKM851966 FAQ851966 EQU851966 EGY851966 DXC851966 DNG851966 DDK851966 CTO851966 CJS851966 BZW851966 BQA851966 BGE851966 AWI851966 AMM851966 ACQ851966 SU851966 IY851966 I851966 WVK786430 WLO786430 WBS786430 VRW786430 VIA786430 UYE786430 UOI786430 UEM786430 TUQ786430 TKU786430 TAY786430 SRC786430 SHG786430 RXK786430 RNO786430 RDS786430 QTW786430 QKA786430 QAE786430 PQI786430 PGM786430 OWQ786430 OMU786430 OCY786430 NTC786430 NJG786430 MZK786430 MPO786430 MFS786430 LVW786430 LMA786430 LCE786430 KSI786430 KIM786430 JYQ786430 JOU786430 JEY786430 IVC786430 ILG786430 IBK786430 HRO786430 HHS786430 GXW786430 GOA786430 GEE786430 FUI786430 FKM786430 FAQ786430 EQU786430 EGY786430 DXC786430 DNG786430 DDK786430 CTO786430 CJS786430 BZW786430 BQA786430 BGE786430 AWI786430 AMM786430 ACQ786430 SU786430 IY786430 I786430 WVK720894 WLO720894 WBS720894 VRW720894 VIA720894 UYE720894 UOI720894 UEM720894 TUQ720894 TKU720894 TAY720894 SRC720894 SHG720894 RXK720894 RNO720894 RDS720894 QTW720894 QKA720894 QAE720894 PQI720894 PGM720894 OWQ720894 OMU720894 OCY720894 NTC720894 NJG720894 MZK720894 MPO720894 MFS720894 LVW720894 LMA720894 LCE720894 KSI720894 KIM720894 JYQ720894 JOU720894 JEY720894 IVC720894 ILG720894 IBK720894 HRO720894 HHS720894 GXW720894 GOA720894 GEE720894 FUI720894 FKM720894 FAQ720894 EQU720894 EGY720894 DXC720894 DNG720894 DDK720894 CTO720894 CJS720894 BZW720894 BQA720894 BGE720894 AWI720894 AMM720894 ACQ720894 SU720894 IY720894 I720894 WVK655358 WLO655358 WBS655358 VRW655358 VIA655358 UYE655358 UOI655358 UEM655358 TUQ655358 TKU655358 TAY655358 SRC655358 SHG655358 RXK655358 RNO655358 RDS655358 QTW655358 QKA655358 QAE655358 PQI655358 PGM655358 OWQ655358 OMU655358 OCY655358 NTC655358 NJG655358 MZK655358 MPO655358 MFS655358 LVW655358 LMA655358 LCE655358 KSI655358 KIM655358 JYQ655358 JOU655358 JEY655358 IVC655358 ILG655358 IBK655358 HRO655358 HHS655358 GXW655358 GOA655358 GEE655358 FUI655358 FKM655358 FAQ655358 EQU655358 EGY655358 DXC655358 DNG655358 DDK655358 CTO655358 CJS655358 BZW655358 BQA655358 BGE655358 AWI655358 AMM655358 ACQ655358 SU655358 IY655358 I655358 WVK589822 WLO589822 WBS589822 VRW589822 VIA589822 UYE589822 UOI589822 UEM589822 TUQ589822 TKU589822 TAY589822 SRC589822 SHG589822 RXK589822 RNO589822 RDS589822 QTW589822 QKA589822 QAE589822 PQI589822 PGM589822 OWQ589822 OMU589822 OCY589822 NTC589822 NJG589822 MZK589822 MPO589822 MFS589822 LVW589822 LMA589822 LCE589822 KSI589822 KIM589822 JYQ589822 JOU589822 JEY589822 IVC589822 ILG589822 IBK589822 HRO589822 HHS589822 GXW589822 GOA589822 GEE589822 FUI589822 FKM589822 FAQ589822 EQU589822 EGY589822 DXC589822 DNG589822 DDK589822 CTO589822 CJS589822 BZW589822 BQA589822 BGE589822 AWI589822 AMM589822 ACQ589822 SU589822 IY589822 I589822 WVK524286 WLO524286 WBS524286 VRW524286 VIA524286 UYE524286 UOI524286 UEM524286 TUQ524286 TKU524286 TAY524286 SRC524286 SHG524286 RXK524286 RNO524286 RDS524286 QTW524286 QKA524286 QAE524286 PQI524286 PGM524286 OWQ524286 OMU524286 OCY524286 NTC524286 NJG524286 MZK524286 MPO524286 MFS524286 LVW524286 LMA524286 LCE524286 KSI524286 KIM524286 JYQ524286 JOU524286 JEY524286 IVC524286 ILG524286 IBK524286 HRO524286 HHS524286 GXW524286 GOA524286 GEE524286 FUI524286 FKM524286 FAQ524286 EQU524286 EGY524286 DXC524286 DNG524286 DDK524286 CTO524286 CJS524286 BZW524286 BQA524286 BGE524286 AWI524286 AMM524286 ACQ524286 SU524286 IY524286 I524286 WVK458750 WLO458750 WBS458750 VRW458750 VIA458750 UYE458750 UOI458750 UEM458750 TUQ458750 TKU458750 TAY458750 SRC458750 SHG458750 RXK458750 RNO458750 RDS458750 QTW458750 QKA458750 QAE458750 PQI458750 PGM458750 OWQ458750 OMU458750 OCY458750 NTC458750 NJG458750 MZK458750 MPO458750 MFS458750 LVW458750 LMA458750 LCE458750 KSI458750 KIM458750 JYQ458750 JOU458750 JEY458750 IVC458750 ILG458750 IBK458750 HRO458750 HHS458750 GXW458750 GOA458750 GEE458750 FUI458750 FKM458750 FAQ458750 EQU458750 EGY458750 DXC458750 DNG458750 DDK458750 CTO458750 CJS458750 BZW458750 BQA458750 BGE458750 AWI458750 AMM458750 ACQ458750 SU458750 IY458750 I458750 WVK393214 WLO393214 WBS393214 VRW393214 VIA393214 UYE393214 UOI393214 UEM393214 TUQ393214 TKU393214 TAY393214 SRC393214 SHG393214 RXK393214 RNO393214 RDS393214 QTW393214 QKA393214 QAE393214 PQI393214 PGM393214 OWQ393214 OMU393214 OCY393214 NTC393214 NJG393214 MZK393214 MPO393214 MFS393214 LVW393214 LMA393214 LCE393214 KSI393214 KIM393214 JYQ393214 JOU393214 JEY393214 IVC393214 ILG393214 IBK393214 HRO393214 HHS393214 GXW393214 GOA393214 GEE393214 FUI393214 FKM393214 FAQ393214 EQU393214 EGY393214 DXC393214 DNG393214 DDK393214 CTO393214 CJS393214 BZW393214 BQA393214 BGE393214 AWI393214 AMM393214 ACQ393214 SU393214 IY393214 I393214 WVK327678 WLO327678 WBS327678 VRW327678 VIA327678 UYE327678 UOI327678 UEM327678 TUQ327678 TKU327678 TAY327678 SRC327678 SHG327678 RXK327678 RNO327678 RDS327678 QTW327678 QKA327678 QAE327678 PQI327678 PGM327678 OWQ327678 OMU327678 OCY327678 NTC327678 NJG327678 MZK327678 MPO327678 MFS327678 LVW327678 LMA327678 LCE327678 KSI327678 KIM327678 JYQ327678 JOU327678 JEY327678 IVC327678 ILG327678 IBK327678 HRO327678 HHS327678 GXW327678 GOA327678 GEE327678 FUI327678 FKM327678 FAQ327678 EQU327678 EGY327678 DXC327678 DNG327678 DDK327678 CTO327678 CJS327678 BZW327678 BQA327678 BGE327678 AWI327678 AMM327678 ACQ327678 SU327678 IY327678 I327678 WVK262142 WLO262142 WBS262142 VRW262142 VIA262142 UYE262142 UOI262142 UEM262142 TUQ262142 TKU262142 TAY262142 SRC262142 SHG262142 RXK262142 RNO262142 RDS262142 QTW262142 QKA262142 QAE262142 PQI262142 PGM262142 OWQ262142 OMU262142 OCY262142 NTC262142 NJG262142 MZK262142 MPO262142 MFS262142 LVW262142 LMA262142 LCE262142 KSI262142 KIM262142 JYQ262142 JOU262142 JEY262142 IVC262142 ILG262142 IBK262142 HRO262142 HHS262142 GXW262142 GOA262142 GEE262142 FUI262142 FKM262142 FAQ262142 EQU262142 EGY262142 DXC262142 DNG262142 DDK262142 CTO262142 CJS262142 BZW262142 BQA262142 BGE262142 AWI262142 AMM262142 ACQ262142 SU262142 IY262142 I262142 WVK196606 WLO196606 WBS196606 VRW196606 VIA196606 UYE196606 UOI196606 UEM196606 TUQ196606 TKU196606 TAY196606 SRC196606 SHG196606 RXK196606 RNO196606 RDS196606 QTW196606 QKA196606 QAE196606 PQI196606 PGM196606 OWQ196606 OMU196606 OCY196606 NTC196606 NJG196606 MZK196606 MPO196606 MFS196606 LVW196606 LMA196606 LCE196606 KSI196606 KIM196606 JYQ196606 JOU196606 JEY196606 IVC196606 ILG196606 IBK196606 HRO196606 HHS196606 GXW196606 GOA196606 GEE196606 FUI196606 FKM196606 FAQ196606 EQU196606 EGY196606 DXC196606 DNG196606 DDK196606 CTO196606 CJS196606 BZW196606 BQA196606 BGE196606 AWI196606 AMM196606 ACQ196606 SU196606 IY196606 I196606 WVK131070 WLO131070 WBS131070 VRW131070 VIA131070 UYE131070 UOI131070 UEM131070 TUQ131070 TKU131070 TAY131070 SRC131070 SHG131070 RXK131070 RNO131070 RDS131070 QTW131070 QKA131070 QAE131070 PQI131070 PGM131070 OWQ131070 OMU131070 OCY131070 NTC131070 NJG131070 MZK131070 MPO131070 MFS131070 LVW131070 LMA131070 LCE131070 KSI131070 KIM131070 JYQ131070 JOU131070 JEY131070 IVC131070 ILG131070 IBK131070 HRO131070 HHS131070 GXW131070 GOA131070 GEE131070 FUI131070 FKM131070 FAQ131070 EQU131070 EGY131070 DXC131070 DNG131070 DDK131070 CTO131070 CJS131070 BZW131070 BQA131070 BGE131070 AWI131070 AMM131070 ACQ131070 SU131070 IY131070 I131070 WVK65534 WLO65534 WBS65534 VRW65534 VIA65534 UYE65534 UOI65534 UEM65534 TUQ65534 TKU65534 TAY65534 SRC65534 SHG65534 RXK65534 RNO65534 RDS65534 QTW65534 QKA65534 QAE65534 PQI65534 PGM65534 OWQ65534 OMU65534 OCY65534 NTC65534 NJG65534 MZK65534 MPO65534 MFS65534 LVW65534 LMA65534 LCE65534 KSI65534 KIM65534 JYQ65534 JOU65534 JEY65534 IVC65534 ILG65534 IBK65534 HRO65534 HHS65534 GXW65534 GOA65534 GEE65534 FUI65534 FKM65534 FAQ65534 EQU65534 EGY65534 DXC65534 DNG65534 DDK65534 CTO65534 CJS65534 BZW65534 BQA65534 BGE65534 AWI65534 AMM65534 ACQ65534 SU65534 IY65534 I65534">
      <formula1>I65534&amp;""=ASC(I65534)</formula1>
    </dataValidation>
    <dataValidation type="custom" allowBlank="1" showInputMessage="1" showErrorMessage="1" errorTitle="入力内容に誤りがあります" error="全角で入力してください" sqref="WVK983039:WVS983039 WLO983039:WLW983039 WBS983039:WCA983039 VRW983039:VSE983039 VIA983039:VII983039 UYE983039:UYM983039 UOI983039:UOQ983039 UEM983039:UEU983039 TUQ983039:TUY983039 TKU983039:TLC983039 TAY983039:TBG983039 SRC983039:SRK983039 SHG983039:SHO983039 RXK983039:RXS983039 RNO983039:RNW983039 RDS983039:REA983039 QTW983039:QUE983039 QKA983039:QKI983039 QAE983039:QAM983039 PQI983039:PQQ983039 PGM983039:PGU983039 OWQ983039:OWY983039 OMU983039:ONC983039 OCY983039:ODG983039 NTC983039:NTK983039 NJG983039:NJO983039 MZK983039:MZS983039 MPO983039:MPW983039 MFS983039:MGA983039 LVW983039:LWE983039 LMA983039:LMI983039 LCE983039:LCM983039 KSI983039:KSQ983039 KIM983039:KIU983039 JYQ983039:JYY983039 JOU983039:JPC983039 JEY983039:JFG983039 IVC983039:IVK983039 ILG983039:ILO983039 IBK983039:IBS983039 HRO983039:HRW983039 HHS983039:HIA983039 GXW983039:GYE983039 GOA983039:GOI983039 GEE983039:GEM983039 FUI983039:FUQ983039 FKM983039:FKU983039 FAQ983039:FAY983039 EQU983039:ERC983039 EGY983039:EHG983039 DXC983039:DXK983039 DNG983039:DNO983039 DDK983039:DDS983039 CTO983039:CTW983039 CJS983039:CKA983039 BZW983039:CAE983039 BQA983039:BQI983039 BGE983039:BGM983039 AWI983039:AWQ983039 AMM983039:AMU983039 ACQ983039:ACY983039 SU983039:TC983039 IY983039:JG983039 I983039:Q983039 WVK917503:WVS917503 WLO917503:WLW917503 WBS917503:WCA917503 VRW917503:VSE917503 VIA917503:VII917503 UYE917503:UYM917503 UOI917503:UOQ917503 UEM917503:UEU917503 TUQ917503:TUY917503 TKU917503:TLC917503 TAY917503:TBG917503 SRC917503:SRK917503 SHG917503:SHO917503 RXK917503:RXS917503 RNO917503:RNW917503 RDS917503:REA917503 QTW917503:QUE917503 QKA917503:QKI917503 QAE917503:QAM917503 PQI917503:PQQ917503 PGM917503:PGU917503 OWQ917503:OWY917503 OMU917503:ONC917503 OCY917503:ODG917503 NTC917503:NTK917503 NJG917503:NJO917503 MZK917503:MZS917503 MPO917503:MPW917503 MFS917503:MGA917503 LVW917503:LWE917503 LMA917503:LMI917503 LCE917503:LCM917503 KSI917503:KSQ917503 KIM917503:KIU917503 JYQ917503:JYY917503 JOU917503:JPC917503 JEY917503:JFG917503 IVC917503:IVK917503 ILG917503:ILO917503 IBK917503:IBS917503 HRO917503:HRW917503 HHS917503:HIA917503 GXW917503:GYE917503 GOA917503:GOI917503 GEE917503:GEM917503 FUI917503:FUQ917503 FKM917503:FKU917503 FAQ917503:FAY917503 EQU917503:ERC917503 EGY917503:EHG917503 DXC917503:DXK917503 DNG917503:DNO917503 DDK917503:DDS917503 CTO917503:CTW917503 CJS917503:CKA917503 BZW917503:CAE917503 BQA917503:BQI917503 BGE917503:BGM917503 AWI917503:AWQ917503 AMM917503:AMU917503 ACQ917503:ACY917503 SU917503:TC917503 IY917503:JG917503 I917503:Q917503 WVK851967:WVS851967 WLO851967:WLW851967 WBS851967:WCA851967 VRW851967:VSE851967 VIA851967:VII851967 UYE851967:UYM851967 UOI851967:UOQ851967 UEM851967:UEU851967 TUQ851967:TUY851967 TKU851967:TLC851967 TAY851967:TBG851967 SRC851967:SRK851967 SHG851967:SHO851967 RXK851967:RXS851967 RNO851967:RNW851967 RDS851967:REA851967 QTW851967:QUE851967 QKA851967:QKI851967 QAE851967:QAM851967 PQI851967:PQQ851967 PGM851967:PGU851967 OWQ851967:OWY851967 OMU851967:ONC851967 OCY851967:ODG851967 NTC851967:NTK851967 NJG851967:NJO851967 MZK851967:MZS851967 MPO851967:MPW851967 MFS851967:MGA851967 LVW851967:LWE851967 LMA851967:LMI851967 LCE851967:LCM851967 KSI851967:KSQ851967 KIM851967:KIU851967 JYQ851967:JYY851967 JOU851967:JPC851967 JEY851967:JFG851967 IVC851967:IVK851967 ILG851967:ILO851967 IBK851967:IBS851967 HRO851967:HRW851967 HHS851967:HIA851967 GXW851967:GYE851967 GOA851967:GOI851967 GEE851967:GEM851967 FUI851967:FUQ851967 FKM851967:FKU851967 FAQ851967:FAY851967 EQU851967:ERC851967 EGY851967:EHG851967 DXC851967:DXK851967 DNG851967:DNO851967 DDK851967:DDS851967 CTO851967:CTW851967 CJS851967:CKA851967 BZW851967:CAE851967 BQA851967:BQI851967 BGE851967:BGM851967 AWI851967:AWQ851967 AMM851967:AMU851967 ACQ851967:ACY851967 SU851967:TC851967 IY851967:JG851967 I851967:Q851967 WVK786431:WVS786431 WLO786431:WLW786431 WBS786431:WCA786431 VRW786431:VSE786431 VIA786431:VII786431 UYE786431:UYM786431 UOI786431:UOQ786431 UEM786431:UEU786431 TUQ786431:TUY786431 TKU786431:TLC786431 TAY786431:TBG786431 SRC786431:SRK786431 SHG786431:SHO786431 RXK786431:RXS786431 RNO786431:RNW786431 RDS786431:REA786431 QTW786431:QUE786431 QKA786431:QKI786431 QAE786431:QAM786431 PQI786431:PQQ786431 PGM786431:PGU786431 OWQ786431:OWY786431 OMU786431:ONC786431 OCY786431:ODG786431 NTC786431:NTK786431 NJG786431:NJO786431 MZK786431:MZS786431 MPO786431:MPW786431 MFS786431:MGA786431 LVW786431:LWE786431 LMA786431:LMI786431 LCE786431:LCM786431 KSI786431:KSQ786431 KIM786431:KIU786431 JYQ786431:JYY786431 JOU786431:JPC786431 JEY786431:JFG786431 IVC786431:IVK786431 ILG786431:ILO786431 IBK786431:IBS786431 HRO786431:HRW786431 HHS786431:HIA786431 GXW786431:GYE786431 GOA786431:GOI786431 GEE786431:GEM786431 FUI786431:FUQ786431 FKM786431:FKU786431 FAQ786431:FAY786431 EQU786431:ERC786431 EGY786431:EHG786431 DXC786431:DXK786431 DNG786431:DNO786431 DDK786431:DDS786431 CTO786431:CTW786431 CJS786431:CKA786431 BZW786431:CAE786431 BQA786431:BQI786431 BGE786431:BGM786431 AWI786431:AWQ786431 AMM786431:AMU786431 ACQ786431:ACY786431 SU786431:TC786431 IY786431:JG786431 I786431:Q786431 WVK720895:WVS720895 WLO720895:WLW720895 WBS720895:WCA720895 VRW720895:VSE720895 VIA720895:VII720895 UYE720895:UYM720895 UOI720895:UOQ720895 UEM720895:UEU720895 TUQ720895:TUY720895 TKU720895:TLC720895 TAY720895:TBG720895 SRC720895:SRK720895 SHG720895:SHO720895 RXK720895:RXS720895 RNO720895:RNW720895 RDS720895:REA720895 QTW720895:QUE720895 QKA720895:QKI720895 QAE720895:QAM720895 PQI720895:PQQ720895 PGM720895:PGU720895 OWQ720895:OWY720895 OMU720895:ONC720895 OCY720895:ODG720895 NTC720895:NTK720895 NJG720895:NJO720895 MZK720895:MZS720895 MPO720895:MPW720895 MFS720895:MGA720895 LVW720895:LWE720895 LMA720895:LMI720895 LCE720895:LCM720895 KSI720895:KSQ720895 KIM720895:KIU720895 JYQ720895:JYY720895 JOU720895:JPC720895 JEY720895:JFG720895 IVC720895:IVK720895 ILG720895:ILO720895 IBK720895:IBS720895 HRO720895:HRW720895 HHS720895:HIA720895 GXW720895:GYE720895 GOA720895:GOI720895 GEE720895:GEM720895 FUI720895:FUQ720895 FKM720895:FKU720895 FAQ720895:FAY720895 EQU720895:ERC720895 EGY720895:EHG720895 DXC720895:DXK720895 DNG720895:DNO720895 DDK720895:DDS720895 CTO720895:CTW720895 CJS720895:CKA720895 BZW720895:CAE720895 BQA720895:BQI720895 BGE720895:BGM720895 AWI720895:AWQ720895 AMM720895:AMU720895 ACQ720895:ACY720895 SU720895:TC720895 IY720895:JG720895 I720895:Q720895 WVK655359:WVS655359 WLO655359:WLW655359 WBS655359:WCA655359 VRW655359:VSE655359 VIA655359:VII655359 UYE655359:UYM655359 UOI655359:UOQ655359 UEM655359:UEU655359 TUQ655359:TUY655359 TKU655359:TLC655359 TAY655359:TBG655359 SRC655359:SRK655359 SHG655359:SHO655359 RXK655359:RXS655359 RNO655359:RNW655359 RDS655359:REA655359 QTW655359:QUE655359 QKA655359:QKI655359 QAE655359:QAM655359 PQI655359:PQQ655359 PGM655359:PGU655359 OWQ655359:OWY655359 OMU655359:ONC655359 OCY655359:ODG655359 NTC655359:NTK655359 NJG655359:NJO655359 MZK655359:MZS655359 MPO655359:MPW655359 MFS655359:MGA655359 LVW655359:LWE655359 LMA655359:LMI655359 LCE655359:LCM655359 KSI655359:KSQ655359 KIM655359:KIU655359 JYQ655359:JYY655359 JOU655359:JPC655359 JEY655359:JFG655359 IVC655359:IVK655359 ILG655359:ILO655359 IBK655359:IBS655359 HRO655359:HRW655359 HHS655359:HIA655359 GXW655359:GYE655359 GOA655359:GOI655359 GEE655359:GEM655359 FUI655359:FUQ655359 FKM655359:FKU655359 FAQ655359:FAY655359 EQU655359:ERC655359 EGY655359:EHG655359 DXC655359:DXK655359 DNG655359:DNO655359 DDK655359:DDS655359 CTO655359:CTW655359 CJS655359:CKA655359 BZW655359:CAE655359 BQA655359:BQI655359 BGE655359:BGM655359 AWI655359:AWQ655359 AMM655359:AMU655359 ACQ655359:ACY655359 SU655359:TC655359 IY655359:JG655359 I655359:Q655359 WVK589823:WVS589823 WLO589823:WLW589823 WBS589823:WCA589823 VRW589823:VSE589823 VIA589823:VII589823 UYE589823:UYM589823 UOI589823:UOQ589823 UEM589823:UEU589823 TUQ589823:TUY589823 TKU589823:TLC589823 TAY589823:TBG589823 SRC589823:SRK589823 SHG589823:SHO589823 RXK589823:RXS589823 RNO589823:RNW589823 RDS589823:REA589823 QTW589823:QUE589823 QKA589823:QKI589823 QAE589823:QAM589823 PQI589823:PQQ589823 PGM589823:PGU589823 OWQ589823:OWY589823 OMU589823:ONC589823 OCY589823:ODG589823 NTC589823:NTK589823 NJG589823:NJO589823 MZK589823:MZS589823 MPO589823:MPW589823 MFS589823:MGA589823 LVW589823:LWE589823 LMA589823:LMI589823 LCE589823:LCM589823 KSI589823:KSQ589823 KIM589823:KIU589823 JYQ589823:JYY589823 JOU589823:JPC589823 JEY589823:JFG589823 IVC589823:IVK589823 ILG589823:ILO589823 IBK589823:IBS589823 HRO589823:HRW589823 HHS589823:HIA589823 GXW589823:GYE589823 GOA589823:GOI589823 GEE589823:GEM589823 FUI589823:FUQ589823 FKM589823:FKU589823 FAQ589823:FAY589823 EQU589823:ERC589823 EGY589823:EHG589823 DXC589823:DXK589823 DNG589823:DNO589823 DDK589823:DDS589823 CTO589823:CTW589823 CJS589823:CKA589823 BZW589823:CAE589823 BQA589823:BQI589823 BGE589823:BGM589823 AWI589823:AWQ589823 AMM589823:AMU589823 ACQ589823:ACY589823 SU589823:TC589823 IY589823:JG589823 I589823:Q589823 WVK524287:WVS524287 WLO524287:WLW524287 WBS524287:WCA524287 VRW524287:VSE524287 VIA524287:VII524287 UYE524287:UYM524287 UOI524287:UOQ524287 UEM524287:UEU524287 TUQ524287:TUY524287 TKU524287:TLC524287 TAY524287:TBG524287 SRC524287:SRK524287 SHG524287:SHO524287 RXK524287:RXS524287 RNO524287:RNW524287 RDS524287:REA524287 QTW524287:QUE524287 QKA524287:QKI524287 QAE524287:QAM524287 PQI524287:PQQ524287 PGM524287:PGU524287 OWQ524287:OWY524287 OMU524287:ONC524287 OCY524287:ODG524287 NTC524287:NTK524287 NJG524287:NJO524287 MZK524287:MZS524287 MPO524287:MPW524287 MFS524287:MGA524287 LVW524287:LWE524287 LMA524287:LMI524287 LCE524287:LCM524287 KSI524287:KSQ524287 KIM524287:KIU524287 JYQ524287:JYY524287 JOU524287:JPC524287 JEY524287:JFG524287 IVC524287:IVK524287 ILG524287:ILO524287 IBK524287:IBS524287 HRO524287:HRW524287 HHS524287:HIA524287 GXW524287:GYE524287 GOA524287:GOI524287 GEE524287:GEM524287 FUI524287:FUQ524287 FKM524287:FKU524287 FAQ524287:FAY524287 EQU524287:ERC524287 EGY524287:EHG524287 DXC524287:DXK524287 DNG524287:DNO524287 DDK524287:DDS524287 CTO524287:CTW524287 CJS524287:CKA524287 BZW524287:CAE524287 BQA524287:BQI524287 BGE524287:BGM524287 AWI524287:AWQ524287 AMM524287:AMU524287 ACQ524287:ACY524287 SU524287:TC524287 IY524287:JG524287 I524287:Q524287 WVK458751:WVS458751 WLO458751:WLW458751 WBS458751:WCA458751 VRW458751:VSE458751 VIA458751:VII458751 UYE458751:UYM458751 UOI458751:UOQ458751 UEM458751:UEU458751 TUQ458751:TUY458751 TKU458751:TLC458751 TAY458751:TBG458751 SRC458751:SRK458751 SHG458751:SHO458751 RXK458751:RXS458751 RNO458751:RNW458751 RDS458751:REA458751 QTW458751:QUE458751 QKA458751:QKI458751 QAE458751:QAM458751 PQI458751:PQQ458751 PGM458751:PGU458751 OWQ458751:OWY458751 OMU458751:ONC458751 OCY458751:ODG458751 NTC458751:NTK458751 NJG458751:NJO458751 MZK458751:MZS458751 MPO458751:MPW458751 MFS458751:MGA458751 LVW458751:LWE458751 LMA458751:LMI458751 LCE458751:LCM458751 KSI458751:KSQ458751 KIM458751:KIU458751 JYQ458751:JYY458751 JOU458751:JPC458751 JEY458751:JFG458751 IVC458751:IVK458751 ILG458751:ILO458751 IBK458751:IBS458751 HRO458751:HRW458751 HHS458751:HIA458751 GXW458751:GYE458751 GOA458751:GOI458751 GEE458751:GEM458751 FUI458751:FUQ458751 FKM458751:FKU458751 FAQ458751:FAY458751 EQU458751:ERC458751 EGY458751:EHG458751 DXC458751:DXK458751 DNG458751:DNO458751 DDK458751:DDS458751 CTO458751:CTW458751 CJS458751:CKA458751 BZW458751:CAE458751 BQA458751:BQI458751 BGE458751:BGM458751 AWI458751:AWQ458751 AMM458751:AMU458751 ACQ458751:ACY458751 SU458751:TC458751 IY458751:JG458751 I458751:Q458751 WVK393215:WVS393215 WLO393215:WLW393215 WBS393215:WCA393215 VRW393215:VSE393215 VIA393215:VII393215 UYE393215:UYM393215 UOI393215:UOQ393215 UEM393215:UEU393215 TUQ393215:TUY393215 TKU393215:TLC393215 TAY393215:TBG393215 SRC393215:SRK393215 SHG393215:SHO393215 RXK393215:RXS393215 RNO393215:RNW393215 RDS393215:REA393215 QTW393215:QUE393215 QKA393215:QKI393215 QAE393215:QAM393215 PQI393215:PQQ393215 PGM393215:PGU393215 OWQ393215:OWY393215 OMU393215:ONC393215 OCY393215:ODG393215 NTC393215:NTK393215 NJG393215:NJO393215 MZK393215:MZS393215 MPO393215:MPW393215 MFS393215:MGA393215 LVW393215:LWE393215 LMA393215:LMI393215 LCE393215:LCM393215 KSI393215:KSQ393215 KIM393215:KIU393215 JYQ393215:JYY393215 JOU393215:JPC393215 JEY393215:JFG393215 IVC393215:IVK393215 ILG393215:ILO393215 IBK393215:IBS393215 HRO393215:HRW393215 HHS393215:HIA393215 GXW393215:GYE393215 GOA393215:GOI393215 GEE393215:GEM393215 FUI393215:FUQ393215 FKM393215:FKU393215 FAQ393215:FAY393215 EQU393215:ERC393215 EGY393215:EHG393215 DXC393215:DXK393215 DNG393215:DNO393215 DDK393215:DDS393215 CTO393215:CTW393215 CJS393215:CKA393215 BZW393215:CAE393215 BQA393215:BQI393215 BGE393215:BGM393215 AWI393215:AWQ393215 AMM393215:AMU393215 ACQ393215:ACY393215 SU393215:TC393215 IY393215:JG393215 I393215:Q393215 WVK327679:WVS327679 WLO327679:WLW327679 WBS327679:WCA327679 VRW327679:VSE327679 VIA327679:VII327679 UYE327679:UYM327679 UOI327679:UOQ327679 UEM327679:UEU327679 TUQ327679:TUY327679 TKU327679:TLC327679 TAY327679:TBG327679 SRC327679:SRK327679 SHG327679:SHO327679 RXK327679:RXS327679 RNO327679:RNW327679 RDS327679:REA327679 QTW327679:QUE327679 QKA327679:QKI327679 QAE327679:QAM327679 PQI327679:PQQ327679 PGM327679:PGU327679 OWQ327679:OWY327679 OMU327679:ONC327679 OCY327679:ODG327679 NTC327679:NTK327679 NJG327679:NJO327679 MZK327679:MZS327679 MPO327679:MPW327679 MFS327679:MGA327679 LVW327679:LWE327679 LMA327679:LMI327679 LCE327679:LCM327679 KSI327679:KSQ327679 KIM327679:KIU327679 JYQ327679:JYY327679 JOU327679:JPC327679 JEY327679:JFG327679 IVC327679:IVK327679 ILG327679:ILO327679 IBK327679:IBS327679 HRO327679:HRW327679 HHS327679:HIA327679 GXW327679:GYE327679 GOA327679:GOI327679 GEE327679:GEM327679 FUI327679:FUQ327679 FKM327679:FKU327679 FAQ327679:FAY327679 EQU327679:ERC327679 EGY327679:EHG327679 DXC327679:DXK327679 DNG327679:DNO327679 DDK327679:DDS327679 CTO327679:CTW327679 CJS327679:CKA327679 BZW327679:CAE327679 BQA327679:BQI327679 BGE327679:BGM327679 AWI327679:AWQ327679 AMM327679:AMU327679 ACQ327679:ACY327679 SU327679:TC327679 IY327679:JG327679 I327679:Q327679 WVK262143:WVS262143 WLO262143:WLW262143 WBS262143:WCA262143 VRW262143:VSE262143 VIA262143:VII262143 UYE262143:UYM262143 UOI262143:UOQ262143 UEM262143:UEU262143 TUQ262143:TUY262143 TKU262143:TLC262143 TAY262143:TBG262143 SRC262143:SRK262143 SHG262143:SHO262143 RXK262143:RXS262143 RNO262143:RNW262143 RDS262143:REA262143 QTW262143:QUE262143 QKA262143:QKI262143 QAE262143:QAM262143 PQI262143:PQQ262143 PGM262143:PGU262143 OWQ262143:OWY262143 OMU262143:ONC262143 OCY262143:ODG262143 NTC262143:NTK262143 NJG262143:NJO262143 MZK262143:MZS262143 MPO262143:MPW262143 MFS262143:MGA262143 LVW262143:LWE262143 LMA262143:LMI262143 LCE262143:LCM262143 KSI262143:KSQ262143 KIM262143:KIU262143 JYQ262143:JYY262143 JOU262143:JPC262143 JEY262143:JFG262143 IVC262143:IVK262143 ILG262143:ILO262143 IBK262143:IBS262143 HRO262143:HRW262143 HHS262143:HIA262143 GXW262143:GYE262143 GOA262143:GOI262143 GEE262143:GEM262143 FUI262143:FUQ262143 FKM262143:FKU262143 FAQ262143:FAY262143 EQU262143:ERC262143 EGY262143:EHG262143 DXC262143:DXK262143 DNG262143:DNO262143 DDK262143:DDS262143 CTO262143:CTW262143 CJS262143:CKA262143 BZW262143:CAE262143 BQA262143:BQI262143 BGE262143:BGM262143 AWI262143:AWQ262143 AMM262143:AMU262143 ACQ262143:ACY262143 SU262143:TC262143 IY262143:JG262143 I262143:Q262143 WVK196607:WVS196607 WLO196607:WLW196607 WBS196607:WCA196607 VRW196607:VSE196607 VIA196607:VII196607 UYE196607:UYM196607 UOI196607:UOQ196607 UEM196607:UEU196607 TUQ196607:TUY196607 TKU196607:TLC196607 TAY196607:TBG196607 SRC196607:SRK196607 SHG196607:SHO196607 RXK196607:RXS196607 RNO196607:RNW196607 RDS196607:REA196607 QTW196607:QUE196607 QKA196607:QKI196607 QAE196607:QAM196607 PQI196607:PQQ196607 PGM196607:PGU196607 OWQ196607:OWY196607 OMU196607:ONC196607 OCY196607:ODG196607 NTC196607:NTK196607 NJG196607:NJO196607 MZK196607:MZS196607 MPO196607:MPW196607 MFS196607:MGA196607 LVW196607:LWE196607 LMA196607:LMI196607 LCE196607:LCM196607 KSI196607:KSQ196607 KIM196607:KIU196607 JYQ196607:JYY196607 JOU196607:JPC196607 JEY196607:JFG196607 IVC196607:IVK196607 ILG196607:ILO196607 IBK196607:IBS196607 HRO196607:HRW196607 HHS196607:HIA196607 GXW196607:GYE196607 GOA196607:GOI196607 GEE196607:GEM196607 FUI196607:FUQ196607 FKM196607:FKU196607 FAQ196607:FAY196607 EQU196607:ERC196607 EGY196607:EHG196607 DXC196607:DXK196607 DNG196607:DNO196607 DDK196607:DDS196607 CTO196607:CTW196607 CJS196607:CKA196607 BZW196607:CAE196607 BQA196607:BQI196607 BGE196607:BGM196607 AWI196607:AWQ196607 AMM196607:AMU196607 ACQ196607:ACY196607 SU196607:TC196607 IY196607:JG196607 I196607:Q196607 WVK131071:WVS131071 WLO131071:WLW131071 WBS131071:WCA131071 VRW131071:VSE131071 VIA131071:VII131071 UYE131071:UYM131071 UOI131071:UOQ131071 UEM131071:UEU131071 TUQ131071:TUY131071 TKU131071:TLC131071 TAY131071:TBG131071 SRC131071:SRK131071 SHG131071:SHO131071 RXK131071:RXS131071 RNO131071:RNW131071 RDS131071:REA131071 QTW131071:QUE131071 QKA131071:QKI131071 QAE131071:QAM131071 PQI131071:PQQ131071 PGM131071:PGU131071 OWQ131071:OWY131071 OMU131071:ONC131071 OCY131071:ODG131071 NTC131071:NTK131071 NJG131071:NJO131071 MZK131071:MZS131071 MPO131071:MPW131071 MFS131071:MGA131071 LVW131071:LWE131071 LMA131071:LMI131071 LCE131071:LCM131071 KSI131071:KSQ131071 KIM131071:KIU131071 JYQ131071:JYY131071 JOU131071:JPC131071 JEY131071:JFG131071 IVC131071:IVK131071 ILG131071:ILO131071 IBK131071:IBS131071 HRO131071:HRW131071 HHS131071:HIA131071 GXW131071:GYE131071 GOA131071:GOI131071 GEE131071:GEM131071 FUI131071:FUQ131071 FKM131071:FKU131071 FAQ131071:FAY131071 EQU131071:ERC131071 EGY131071:EHG131071 DXC131071:DXK131071 DNG131071:DNO131071 DDK131071:DDS131071 CTO131071:CTW131071 CJS131071:CKA131071 BZW131071:CAE131071 BQA131071:BQI131071 BGE131071:BGM131071 AWI131071:AWQ131071 AMM131071:AMU131071 ACQ131071:ACY131071 SU131071:TC131071 IY131071:JG131071 I131071:Q131071 WVK65535:WVS65535 WLO65535:WLW65535 WBS65535:WCA65535 VRW65535:VSE65535 VIA65535:VII65535 UYE65535:UYM65535 UOI65535:UOQ65535 UEM65535:UEU65535 TUQ65535:TUY65535 TKU65535:TLC65535 TAY65535:TBG65535 SRC65535:SRK65535 SHG65535:SHO65535 RXK65535:RXS65535 RNO65535:RNW65535 RDS65535:REA65535 QTW65535:QUE65535 QKA65535:QKI65535 QAE65535:QAM65535 PQI65535:PQQ65535 PGM65535:PGU65535 OWQ65535:OWY65535 OMU65535:ONC65535 OCY65535:ODG65535 NTC65535:NTK65535 NJG65535:NJO65535 MZK65535:MZS65535 MPO65535:MPW65535 MFS65535:MGA65535 LVW65535:LWE65535 LMA65535:LMI65535 LCE65535:LCM65535 KSI65535:KSQ65535 KIM65535:KIU65535 JYQ65535:JYY65535 JOU65535:JPC65535 JEY65535:JFG65535 IVC65535:IVK65535 ILG65535:ILO65535 IBK65535:IBS65535 HRO65535:HRW65535 HHS65535:HIA65535 GXW65535:GYE65535 GOA65535:GOI65535 GEE65535:GEM65535 FUI65535:FUQ65535 FKM65535:FKU65535 FAQ65535:FAY65535 EQU65535:ERC65535 EGY65535:EHG65535 DXC65535:DXK65535 DNG65535:DNO65535 DDK65535:DDS65535 CTO65535:CTW65535 CJS65535:CKA65535 BZW65535:CAE65535 BQA65535:BQI65535 BGE65535:BGM65535 AWI65535:AWQ65535 AMM65535:AMU65535 ACQ65535:ACY65535 SU65535:TC65535 IY65535:JG65535 I65535:Q65535 WVE983038 WLI983038 WBM983038 VRQ983038 VHU983038 UXY983038 UOC983038 UEG983038 TUK983038 TKO983038 TAS983038 SQW983038 SHA983038 RXE983038 RNI983038 RDM983038 QTQ983038 QJU983038 PZY983038 PQC983038 PGG983038 OWK983038 OMO983038 OCS983038 NSW983038 NJA983038 MZE983038 MPI983038 MFM983038 LVQ983038 LLU983038 LBY983038 KSC983038 KIG983038 JYK983038 JOO983038 JES983038 IUW983038 ILA983038 IBE983038 HRI983038 HHM983038 GXQ983038 GNU983038 GDY983038 FUC983038 FKG983038 FAK983038 EQO983038 EGS983038 DWW983038 DNA983038 DDE983038 CTI983038 CJM983038 BZQ983038 BPU983038 BFY983038 AWC983038 AMG983038 ACK983038 SO983038 IS983038 C983038 WVE917502 WLI917502 WBM917502 VRQ917502 VHU917502 UXY917502 UOC917502 UEG917502 TUK917502 TKO917502 TAS917502 SQW917502 SHA917502 RXE917502 RNI917502 RDM917502 QTQ917502 QJU917502 PZY917502 PQC917502 PGG917502 OWK917502 OMO917502 OCS917502 NSW917502 NJA917502 MZE917502 MPI917502 MFM917502 LVQ917502 LLU917502 LBY917502 KSC917502 KIG917502 JYK917502 JOO917502 JES917502 IUW917502 ILA917502 IBE917502 HRI917502 HHM917502 GXQ917502 GNU917502 GDY917502 FUC917502 FKG917502 FAK917502 EQO917502 EGS917502 DWW917502 DNA917502 DDE917502 CTI917502 CJM917502 BZQ917502 BPU917502 BFY917502 AWC917502 AMG917502 ACK917502 SO917502 IS917502 C917502 WVE851966 WLI851966 WBM851966 VRQ851966 VHU851966 UXY851966 UOC851966 UEG851966 TUK851966 TKO851966 TAS851966 SQW851966 SHA851966 RXE851966 RNI851966 RDM851966 QTQ851966 QJU851966 PZY851966 PQC851966 PGG851966 OWK851966 OMO851966 OCS851966 NSW851966 NJA851966 MZE851966 MPI851966 MFM851966 LVQ851966 LLU851966 LBY851966 KSC851966 KIG851966 JYK851966 JOO851966 JES851966 IUW851966 ILA851966 IBE851966 HRI851966 HHM851966 GXQ851966 GNU851966 GDY851966 FUC851966 FKG851966 FAK851966 EQO851966 EGS851966 DWW851966 DNA851966 DDE851966 CTI851966 CJM851966 BZQ851966 BPU851966 BFY851966 AWC851966 AMG851966 ACK851966 SO851966 IS851966 C851966 WVE786430 WLI786430 WBM786430 VRQ786430 VHU786430 UXY786430 UOC786430 UEG786430 TUK786430 TKO786430 TAS786430 SQW786430 SHA786430 RXE786430 RNI786430 RDM786430 QTQ786430 QJU786430 PZY786430 PQC786430 PGG786430 OWK786430 OMO786430 OCS786430 NSW786430 NJA786430 MZE786430 MPI786430 MFM786430 LVQ786430 LLU786430 LBY786430 KSC786430 KIG786430 JYK786430 JOO786430 JES786430 IUW786430 ILA786430 IBE786430 HRI786430 HHM786430 GXQ786430 GNU786430 GDY786430 FUC786430 FKG786430 FAK786430 EQO786430 EGS786430 DWW786430 DNA786430 DDE786430 CTI786430 CJM786430 BZQ786430 BPU786430 BFY786430 AWC786430 AMG786430 ACK786430 SO786430 IS786430 C786430 WVE720894 WLI720894 WBM720894 VRQ720894 VHU720894 UXY720894 UOC720894 UEG720894 TUK720894 TKO720894 TAS720894 SQW720894 SHA720894 RXE720894 RNI720894 RDM720894 QTQ720894 QJU720894 PZY720894 PQC720894 PGG720894 OWK720894 OMO720894 OCS720894 NSW720894 NJA720894 MZE720894 MPI720894 MFM720894 LVQ720894 LLU720894 LBY720894 KSC720894 KIG720894 JYK720894 JOO720894 JES720894 IUW720894 ILA720894 IBE720894 HRI720894 HHM720894 GXQ720894 GNU720894 GDY720894 FUC720894 FKG720894 FAK720894 EQO720894 EGS720894 DWW720894 DNA720894 DDE720894 CTI720894 CJM720894 BZQ720894 BPU720894 BFY720894 AWC720894 AMG720894 ACK720894 SO720894 IS720894 C720894 WVE655358 WLI655358 WBM655358 VRQ655358 VHU655358 UXY655358 UOC655358 UEG655358 TUK655358 TKO655358 TAS655358 SQW655358 SHA655358 RXE655358 RNI655358 RDM655358 QTQ655358 QJU655358 PZY655358 PQC655358 PGG655358 OWK655358 OMO655358 OCS655358 NSW655358 NJA655358 MZE655358 MPI655358 MFM655358 LVQ655358 LLU655358 LBY655358 KSC655358 KIG655358 JYK655358 JOO655358 JES655358 IUW655358 ILA655358 IBE655358 HRI655358 HHM655358 GXQ655358 GNU655358 GDY655358 FUC655358 FKG655358 FAK655358 EQO655358 EGS655358 DWW655358 DNA655358 DDE655358 CTI655358 CJM655358 BZQ655358 BPU655358 BFY655358 AWC655358 AMG655358 ACK655358 SO655358 IS655358 C655358 WVE589822 WLI589822 WBM589822 VRQ589822 VHU589822 UXY589822 UOC589822 UEG589822 TUK589822 TKO589822 TAS589822 SQW589822 SHA589822 RXE589822 RNI589822 RDM589822 QTQ589822 QJU589822 PZY589822 PQC589822 PGG589822 OWK589822 OMO589822 OCS589822 NSW589822 NJA589822 MZE589822 MPI589822 MFM589822 LVQ589822 LLU589822 LBY589822 KSC589822 KIG589822 JYK589822 JOO589822 JES589822 IUW589822 ILA589822 IBE589822 HRI589822 HHM589822 GXQ589822 GNU589822 GDY589822 FUC589822 FKG589822 FAK589822 EQO589822 EGS589822 DWW589822 DNA589822 DDE589822 CTI589822 CJM589822 BZQ589822 BPU589822 BFY589822 AWC589822 AMG589822 ACK589822 SO589822 IS589822 C589822 WVE524286 WLI524286 WBM524286 VRQ524286 VHU524286 UXY524286 UOC524286 UEG524286 TUK524286 TKO524286 TAS524286 SQW524286 SHA524286 RXE524286 RNI524286 RDM524286 QTQ524286 QJU524286 PZY524286 PQC524286 PGG524286 OWK524286 OMO524286 OCS524286 NSW524286 NJA524286 MZE524286 MPI524286 MFM524286 LVQ524286 LLU524286 LBY524286 KSC524286 KIG524286 JYK524286 JOO524286 JES524286 IUW524286 ILA524286 IBE524286 HRI524286 HHM524286 GXQ524286 GNU524286 GDY524286 FUC524286 FKG524286 FAK524286 EQO524286 EGS524286 DWW524286 DNA524286 DDE524286 CTI524286 CJM524286 BZQ524286 BPU524286 BFY524286 AWC524286 AMG524286 ACK524286 SO524286 IS524286 C524286 WVE458750 WLI458750 WBM458750 VRQ458750 VHU458750 UXY458750 UOC458750 UEG458750 TUK458750 TKO458750 TAS458750 SQW458750 SHA458750 RXE458750 RNI458750 RDM458750 QTQ458750 QJU458750 PZY458750 PQC458750 PGG458750 OWK458750 OMO458750 OCS458750 NSW458750 NJA458750 MZE458750 MPI458750 MFM458750 LVQ458750 LLU458750 LBY458750 KSC458750 KIG458750 JYK458750 JOO458750 JES458750 IUW458750 ILA458750 IBE458750 HRI458750 HHM458750 GXQ458750 GNU458750 GDY458750 FUC458750 FKG458750 FAK458750 EQO458750 EGS458750 DWW458750 DNA458750 DDE458750 CTI458750 CJM458750 BZQ458750 BPU458750 BFY458750 AWC458750 AMG458750 ACK458750 SO458750 IS458750 C458750 WVE393214 WLI393214 WBM393214 VRQ393214 VHU393214 UXY393214 UOC393214 UEG393214 TUK393214 TKO393214 TAS393214 SQW393214 SHA393214 RXE393214 RNI393214 RDM393214 QTQ393214 QJU393214 PZY393214 PQC393214 PGG393214 OWK393214 OMO393214 OCS393214 NSW393214 NJA393214 MZE393214 MPI393214 MFM393214 LVQ393214 LLU393214 LBY393214 KSC393214 KIG393214 JYK393214 JOO393214 JES393214 IUW393214 ILA393214 IBE393214 HRI393214 HHM393214 GXQ393214 GNU393214 GDY393214 FUC393214 FKG393214 FAK393214 EQO393214 EGS393214 DWW393214 DNA393214 DDE393214 CTI393214 CJM393214 BZQ393214 BPU393214 BFY393214 AWC393214 AMG393214 ACK393214 SO393214 IS393214 C393214 WVE327678 WLI327678 WBM327678 VRQ327678 VHU327678 UXY327678 UOC327678 UEG327678 TUK327678 TKO327678 TAS327678 SQW327678 SHA327678 RXE327678 RNI327678 RDM327678 QTQ327678 QJU327678 PZY327678 PQC327678 PGG327678 OWK327678 OMO327678 OCS327678 NSW327678 NJA327678 MZE327678 MPI327678 MFM327678 LVQ327678 LLU327678 LBY327678 KSC327678 KIG327678 JYK327678 JOO327678 JES327678 IUW327678 ILA327678 IBE327678 HRI327678 HHM327678 GXQ327678 GNU327678 GDY327678 FUC327678 FKG327678 FAK327678 EQO327678 EGS327678 DWW327678 DNA327678 DDE327678 CTI327678 CJM327678 BZQ327678 BPU327678 BFY327678 AWC327678 AMG327678 ACK327678 SO327678 IS327678 C327678 WVE262142 WLI262142 WBM262142 VRQ262142 VHU262142 UXY262142 UOC262142 UEG262142 TUK262142 TKO262142 TAS262142 SQW262142 SHA262142 RXE262142 RNI262142 RDM262142 QTQ262142 QJU262142 PZY262142 PQC262142 PGG262142 OWK262142 OMO262142 OCS262142 NSW262142 NJA262142 MZE262142 MPI262142 MFM262142 LVQ262142 LLU262142 LBY262142 KSC262142 KIG262142 JYK262142 JOO262142 JES262142 IUW262142 ILA262142 IBE262142 HRI262142 HHM262142 GXQ262142 GNU262142 GDY262142 FUC262142 FKG262142 FAK262142 EQO262142 EGS262142 DWW262142 DNA262142 DDE262142 CTI262142 CJM262142 BZQ262142 BPU262142 BFY262142 AWC262142 AMG262142 ACK262142 SO262142 IS262142 C262142 WVE196606 WLI196606 WBM196606 VRQ196606 VHU196606 UXY196606 UOC196606 UEG196606 TUK196606 TKO196606 TAS196606 SQW196606 SHA196606 RXE196606 RNI196606 RDM196606 QTQ196606 QJU196606 PZY196606 PQC196606 PGG196606 OWK196606 OMO196606 OCS196606 NSW196606 NJA196606 MZE196606 MPI196606 MFM196606 LVQ196606 LLU196606 LBY196606 KSC196606 KIG196606 JYK196606 JOO196606 JES196606 IUW196606 ILA196606 IBE196606 HRI196606 HHM196606 GXQ196606 GNU196606 GDY196606 FUC196606 FKG196606 FAK196606 EQO196606 EGS196606 DWW196606 DNA196606 DDE196606 CTI196606 CJM196606 BZQ196606 BPU196606 BFY196606 AWC196606 AMG196606 ACK196606 SO196606 IS196606 C196606 WVE131070 WLI131070 WBM131070 VRQ131070 VHU131070 UXY131070 UOC131070 UEG131070 TUK131070 TKO131070 TAS131070 SQW131070 SHA131070 RXE131070 RNI131070 RDM131070 QTQ131070 QJU131070 PZY131070 PQC131070 PGG131070 OWK131070 OMO131070 OCS131070 NSW131070 NJA131070 MZE131070 MPI131070 MFM131070 LVQ131070 LLU131070 LBY131070 KSC131070 KIG131070 JYK131070 JOO131070 JES131070 IUW131070 ILA131070 IBE131070 HRI131070 HHM131070 GXQ131070 GNU131070 GDY131070 FUC131070 FKG131070 FAK131070 EQO131070 EGS131070 DWW131070 DNA131070 DDE131070 CTI131070 CJM131070 BZQ131070 BPU131070 BFY131070 AWC131070 AMG131070 ACK131070 SO131070 IS131070 C131070 WVE65534 WLI65534 WBM65534 VRQ65534 VHU65534 UXY65534 UOC65534 UEG65534 TUK65534 TKO65534 TAS65534 SQW65534 SHA65534 RXE65534 RNI65534 RDM65534 QTQ65534 QJU65534 PZY65534 PQC65534 PGG65534 OWK65534 OMO65534 OCS65534 NSW65534 NJA65534 MZE65534 MPI65534 MFM65534 LVQ65534 LLU65534 LBY65534 KSC65534 KIG65534 JYK65534 JOO65534 JES65534 IUW65534 ILA65534 IBE65534 HRI65534 HHM65534 GXQ65534 GNU65534 GDY65534 FUC65534 FKG65534 FAK65534 EQO65534 EGS65534 DWW65534 DNA65534 DDE65534 CTI65534 CJM65534 BZQ65534 BPU65534 BFY65534 AWC65534 AMG65534 ACK65534 SO65534 IS65534 C65534">
      <formula1>C65534=DBCS(C65534)</formula1>
    </dataValidation>
    <dataValidation type="custom" allowBlank="1" showInputMessage="1" showErrorMessage="1" errorTitle="全角英数字" error="全角英数字で入力してください" sqref="WVF983020:WVQ983022 WLJ983020:WLU983022 WBN983020:WBY983022 VRR983020:VSC983022 VHV983020:VIG983022 UXZ983020:UYK983022 UOD983020:UOO983022 UEH983020:UES983022 TUL983020:TUW983022 TKP983020:TLA983022 TAT983020:TBE983022 SQX983020:SRI983022 SHB983020:SHM983022 RXF983020:RXQ983022 RNJ983020:RNU983022 RDN983020:RDY983022 QTR983020:QUC983022 QJV983020:QKG983022 PZZ983020:QAK983022 PQD983020:PQO983022 PGH983020:PGS983022 OWL983020:OWW983022 OMP983020:ONA983022 OCT983020:ODE983022 NSX983020:NTI983022 NJB983020:NJM983022 MZF983020:MZQ983022 MPJ983020:MPU983022 MFN983020:MFY983022 LVR983020:LWC983022 LLV983020:LMG983022 LBZ983020:LCK983022 KSD983020:KSO983022 KIH983020:KIS983022 JYL983020:JYW983022 JOP983020:JPA983022 JET983020:JFE983022 IUX983020:IVI983022 ILB983020:ILM983022 IBF983020:IBQ983022 HRJ983020:HRU983022 HHN983020:HHY983022 GXR983020:GYC983022 GNV983020:GOG983022 GDZ983020:GEK983022 FUD983020:FUO983022 FKH983020:FKS983022 FAL983020:FAW983022 EQP983020:ERA983022 EGT983020:EHE983022 DWX983020:DXI983022 DNB983020:DNM983022 DDF983020:DDQ983022 CTJ983020:CTU983022 CJN983020:CJY983022 BZR983020:CAC983022 BPV983020:BQG983022 BFZ983020:BGK983022 AWD983020:AWO983022 AMH983020:AMS983022 ACL983020:ACW983022 SP983020:TA983022 IT983020:JE983022 D983020:O983022 WVF917484:WVQ917486 WLJ917484:WLU917486 WBN917484:WBY917486 VRR917484:VSC917486 VHV917484:VIG917486 UXZ917484:UYK917486 UOD917484:UOO917486 UEH917484:UES917486 TUL917484:TUW917486 TKP917484:TLA917486 TAT917484:TBE917486 SQX917484:SRI917486 SHB917484:SHM917486 RXF917484:RXQ917486 RNJ917484:RNU917486 RDN917484:RDY917486 QTR917484:QUC917486 QJV917484:QKG917486 PZZ917484:QAK917486 PQD917484:PQO917486 PGH917484:PGS917486 OWL917484:OWW917486 OMP917484:ONA917486 OCT917484:ODE917486 NSX917484:NTI917486 NJB917484:NJM917486 MZF917484:MZQ917486 MPJ917484:MPU917486 MFN917484:MFY917486 LVR917484:LWC917486 LLV917484:LMG917486 LBZ917484:LCK917486 KSD917484:KSO917486 KIH917484:KIS917486 JYL917484:JYW917486 JOP917484:JPA917486 JET917484:JFE917486 IUX917484:IVI917486 ILB917484:ILM917486 IBF917484:IBQ917486 HRJ917484:HRU917486 HHN917484:HHY917486 GXR917484:GYC917486 GNV917484:GOG917486 GDZ917484:GEK917486 FUD917484:FUO917486 FKH917484:FKS917486 FAL917484:FAW917486 EQP917484:ERA917486 EGT917484:EHE917486 DWX917484:DXI917486 DNB917484:DNM917486 DDF917484:DDQ917486 CTJ917484:CTU917486 CJN917484:CJY917486 BZR917484:CAC917486 BPV917484:BQG917486 BFZ917484:BGK917486 AWD917484:AWO917486 AMH917484:AMS917486 ACL917484:ACW917486 SP917484:TA917486 IT917484:JE917486 D917484:O917486 WVF851948:WVQ851950 WLJ851948:WLU851950 WBN851948:WBY851950 VRR851948:VSC851950 VHV851948:VIG851950 UXZ851948:UYK851950 UOD851948:UOO851950 UEH851948:UES851950 TUL851948:TUW851950 TKP851948:TLA851950 TAT851948:TBE851950 SQX851948:SRI851950 SHB851948:SHM851950 RXF851948:RXQ851950 RNJ851948:RNU851950 RDN851948:RDY851950 QTR851948:QUC851950 QJV851948:QKG851950 PZZ851948:QAK851950 PQD851948:PQO851950 PGH851948:PGS851950 OWL851948:OWW851950 OMP851948:ONA851950 OCT851948:ODE851950 NSX851948:NTI851950 NJB851948:NJM851950 MZF851948:MZQ851950 MPJ851948:MPU851950 MFN851948:MFY851950 LVR851948:LWC851950 LLV851948:LMG851950 LBZ851948:LCK851950 KSD851948:KSO851950 KIH851948:KIS851950 JYL851948:JYW851950 JOP851948:JPA851950 JET851948:JFE851950 IUX851948:IVI851950 ILB851948:ILM851950 IBF851948:IBQ851950 HRJ851948:HRU851950 HHN851948:HHY851950 GXR851948:GYC851950 GNV851948:GOG851950 GDZ851948:GEK851950 FUD851948:FUO851950 FKH851948:FKS851950 FAL851948:FAW851950 EQP851948:ERA851950 EGT851948:EHE851950 DWX851948:DXI851950 DNB851948:DNM851950 DDF851948:DDQ851950 CTJ851948:CTU851950 CJN851948:CJY851950 BZR851948:CAC851950 BPV851948:BQG851950 BFZ851948:BGK851950 AWD851948:AWO851950 AMH851948:AMS851950 ACL851948:ACW851950 SP851948:TA851950 IT851948:JE851950 D851948:O851950 WVF786412:WVQ786414 WLJ786412:WLU786414 WBN786412:WBY786414 VRR786412:VSC786414 VHV786412:VIG786414 UXZ786412:UYK786414 UOD786412:UOO786414 UEH786412:UES786414 TUL786412:TUW786414 TKP786412:TLA786414 TAT786412:TBE786414 SQX786412:SRI786414 SHB786412:SHM786414 RXF786412:RXQ786414 RNJ786412:RNU786414 RDN786412:RDY786414 QTR786412:QUC786414 QJV786412:QKG786414 PZZ786412:QAK786414 PQD786412:PQO786414 PGH786412:PGS786414 OWL786412:OWW786414 OMP786412:ONA786414 OCT786412:ODE786414 NSX786412:NTI786414 NJB786412:NJM786414 MZF786412:MZQ786414 MPJ786412:MPU786414 MFN786412:MFY786414 LVR786412:LWC786414 LLV786412:LMG786414 LBZ786412:LCK786414 KSD786412:KSO786414 KIH786412:KIS786414 JYL786412:JYW786414 JOP786412:JPA786414 JET786412:JFE786414 IUX786412:IVI786414 ILB786412:ILM786414 IBF786412:IBQ786414 HRJ786412:HRU786414 HHN786412:HHY786414 GXR786412:GYC786414 GNV786412:GOG786414 GDZ786412:GEK786414 FUD786412:FUO786414 FKH786412:FKS786414 FAL786412:FAW786414 EQP786412:ERA786414 EGT786412:EHE786414 DWX786412:DXI786414 DNB786412:DNM786414 DDF786412:DDQ786414 CTJ786412:CTU786414 CJN786412:CJY786414 BZR786412:CAC786414 BPV786412:BQG786414 BFZ786412:BGK786414 AWD786412:AWO786414 AMH786412:AMS786414 ACL786412:ACW786414 SP786412:TA786414 IT786412:JE786414 D786412:O786414 WVF720876:WVQ720878 WLJ720876:WLU720878 WBN720876:WBY720878 VRR720876:VSC720878 VHV720876:VIG720878 UXZ720876:UYK720878 UOD720876:UOO720878 UEH720876:UES720878 TUL720876:TUW720878 TKP720876:TLA720878 TAT720876:TBE720878 SQX720876:SRI720878 SHB720876:SHM720878 RXF720876:RXQ720878 RNJ720876:RNU720878 RDN720876:RDY720878 QTR720876:QUC720878 QJV720876:QKG720878 PZZ720876:QAK720878 PQD720876:PQO720878 PGH720876:PGS720878 OWL720876:OWW720878 OMP720876:ONA720878 OCT720876:ODE720878 NSX720876:NTI720878 NJB720876:NJM720878 MZF720876:MZQ720878 MPJ720876:MPU720878 MFN720876:MFY720878 LVR720876:LWC720878 LLV720876:LMG720878 LBZ720876:LCK720878 KSD720876:KSO720878 KIH720876:KIS720878 JYL720876:JYW720878 JOP720876:JPA720878 JET720876:JFE720878 IUX720876:IVI720878 ILB720876:ILM720878 IBF720876:IBQ720878 HRJ720876:HRU720878 HHN720876:HHY720878 GXR720876:GYC720878 GNV720876:GOG720878 GDZ720876:GEK720878 FUD720876:FUO720878 FKH720876:FKS720878 FAL720876:FAW720878 EQP720876:ERA720878 EGT720876:EHE720878 DWX720876:DXI720878 DNB720876:DNM720878 DDF720876:DDQ720878 CTJ720876:CTU720878 CJN720876:CJY720878 BZR720876:CAC720878 BPV720876:BQG720878 BFZ720876:BGK720878 AWD720876:AWO720878 AMH720876:AMS720878 ACL720876:ACW720878 SP720876:TA720878 IT720876:JE720878 D720876:O720878 WVF655340:WVQ655342 WLJ655340:WLU655342 WBN655340:WBY655342 VRR655340:VSC655342 VHV655340:VIG655342 UXZ655340:UYK655342 UOD655340:UOO655342 UEH655340:UES655342 TUL655340:TUW655342 TKP655340:TLA655342 TAT655340:TBE655342 SQX655340:SRI655342 SHB655340:SHM655342 RXF655340:RXQ655342 RNJ655340:RNU655342 RDN655340:RDY655342 QTR655340:QUC655342 QJV655340:QKG655342 PZZ655340:QAK655342 PQD655340:PQO655342 PGH655340:PGS655342 OWL655340:OWW655342 OMP655340:ONA655342 OCT655340:ODE655342 NSX655340:NTI655342 NJB655340:NJM655342 MZF655340:MZQ655342 MPJ655340:MPU655342 MFN655340:MFY655342 LVR655340:LWC655342 LLV655340:LMG655342 LBZ655340:LCK655342 KSD655340:KSO655342 KIH655340:KIS655342 JYL655340:JYW655342 JOP655340:JPA655342 JET655340:JFE655342 IUX655340:IVI655342 ILB655340:ILM655342 IBF655340:IBQ655342 HRJ655340:HRU655342 HHN655340:HHY655342 GXR655340:GYC655342 GNV655340:GOG655342 GDZ655340:GEK655342 FUD655340:FUO655342 FKH655340:FKS655342 FAL655340:FAW655342 EQP655340:ERA655342 EGT655340:EHE655342 DWX655340:DXI655342 DNB655340:DNM655342 DDF655340:DDQ655342 CTJ655340:CTU655342 CJN655340:CJY655342 BZR655340:CAC655342 BPV655340:BQG655342 BFZ655340:BGK655342 AWD655340:AWO655342 AMH655340:AMS655342 ACL655340:ACW655342 SP655340:TA655342 IT655340:JE655342 D655340:O655342 WVF589804:WVQ589806 WLJ589804:WLU589806 WBN589804:WBY589806 VRR589804:VSC589806 VHV589804:VIG589806 UXZ589804:UYK589806 UOD589804:UOO589806 UEH589804:UES589806 TUL589804:TUW589806 TKP589804:TLA589806 TAT589804:TBE589806 SQX589804:SRI589806 SHB589804:SHM589806 RXF589804:RXQ589806 RNJ589804:RNU589806 RDN589804:RDY589806 QTR589804:QUC589806 QJV589804:QKG589806 PZZ589804:QAK589806 PQD589804:PQO589806 PGH589804:PGS589806 OWL589804:OWW589806 OMP589804:ONA589806 OCT589804:ODE589806 NSX589804:NTI589806 NJB589804:NJM589806 MZF589804:MZQ589806 MPJ589804:MPU589806 MFN589804:MFY589806 LVR589804:LWC589806 LLV589804:LMG589806 LBZ589804:LCK589806 KSD589804:KSO589806 KIH589804:KIS589806 JYL589804:JYW589806 JOP589804:JPA589806 JET589804:JFE589806 IUX589804:IVI589806 ILB589804:ILM589806 IBF589804:IBQ589806 HRJ589804:HRU589806 HHN589804:HHY589806 GXR589804:GYC589806 GNV589804:GOG589806 GDZ589804:GEK589806 FUD589804:FUO589806 FKH589804:FKS589806 FAL589804:FAW589806 EQP589804:ERA589806 EGT589804:EHE589806 DWX589804:DXI589806 DNB589804:DNM589806 DDF589804:DDQ589806 CTJ589804:CTU589806 CJN589804:CJY589806 BZR589804:CAC589806 BPV589804:BQG589806 BFZ589804:BGK589806 AWD589804:AWO589806 AMH589804:AMS589806 ACL589804:ACW589806 SP589804:TA589806 IT589804:JE589806 D589804:O589806 WVF524268:WVQ524270 WLJ524268:WLU524270 WBN524268:WBY524270 VRR524268:VSC524270 VHV524268:VIG524270 UXZ524268:UYK524270 UOD524268:UOO524270 UEH524268:UES524270 TUL524268:TUW524270 TKP524268:TLA524270 TAT524268:TBE524270 SQX524268:SRI524270 SHB524268:SHM524270 RXF524268:RXQ524270 RNJ524268:RNU524270 RDN524268:RDY524270 QTR524268:QUC524270 QJV524268:QKG524270 PZZ524268:QAK524270 PQD524268:PQO524270 PGH524268:PGS524270 OWL524268:OWW524270 OMP524268:ONA524270 OCT524268:ODE524270 NSX524268:NTI524270 NJB524268:NJM524270 MZF524268:MZQ524270 MPJ524268:MPU524270 MFN524268:MFY524270 LVR524268:LWC524270 LLV524268:LMG524270 LBZ524268:LCK524270 KSD524268:KSO524270 KIH524268:KIS524270 JYL524268:JYW524270 JOP524268:JPA524270 JET524268:JFE524270 IUX524268:IVI524270 ILB524268:ILM524270 IBF524268:IBQ524270 HRJ524268:HRU524270 HHN524268:HHY524270 GXR524268:GYC524270 GNV524268:GOG524270 GDZ524268:GEK524270 FUD524268:FUO524270 FKH524268:FKS524270 FAL524268:FAW524270 EQP524268:ERA524270 EGT524268:EHE524270 DWX524268:DXI524270 DNB524268:DNM524270 DDF524268:DDQ524270 CTJ524268:CTU524270 CJN524268:CJY524270 BZR524268:CAC524270 BPV524268:BQG524270 BFZ524268:BGK524270 AWD524268:AWO524270 AMH524268:AMS524270 ACL524268:ACW524270 SP524268:TA524270 IT524268:JE524270 D524268:O524270 WVF458732:WVQ458734 WLJ458732:WLU458734 WBN458732:WBY458734 VRR458732:VSC458734 VHV458732:VIG458734 UXZ458732:UYK458734 UOD458732:UOO458734 UEH458732:UES458734 TUL458732:TUW458734 TKP458732:TLA458734 TAT458732:TBE458734 SQX458732:SRI458734 SHB458732:SHM458734 RXF458732:RXQ458734 RNJ458732:RNU458734 RDN458732:RDY458734 QTR458732:QUC458734 QJV458732:QKG458734 PZZ458732:QAK458734 PQD458732:PQO458734 PGH458732:PGS458734 OWL458732:OWW458734 OMP458732:ONA458734 OCT458732:ODE458734 NSX458732:NTI458734 NJB458732:NJM458734 MZF458732:MZQ458734 MPJ458732:MPU458734 MFN458732:MFY458734 LVR458732:LWC458734 LLV458732:LMG458734 LBZ458732:LCK458734 KSD458732:KSO458734 KIH458732:KIS458734 JYL458732:JYW458734 JOP458732:JPA458734 JET458732:JFE458734 IUX458732:IVI458734 ILB458732:ILM458734 IBF458732:IBQ458734 HRJ458732:HRU458734 HHN458732:HHY458734 GXR458732:GYC458734 GNV458732:GOG458734 GDZ458732:GEK458734 FUD458732:FUO458734 FKH458732:FKS458734 FAL458732:FAW458734 EQP458732:ERA458734 EGT458732:EHE458734 DWX458732:DXI458734 DNB458732:DNM458734 DDF458732:DDQ458734 CTJ458732:CTU458734 CJN458732:CJY458734 BZR458732:CAC458734 BPV458732:BQG458734 BFZ458732:BGK458734 AWD458732:AWO458734 AMH458732:AMS458734 ACL458732:ACW458734 SP458732:TA458734 IT458732:JE458734 D458732:O458734 WVF393196:WVQ393198 WLJ393196:WLU393198 WBN393196:WBY393198 VRR393196:VSC393198 VHV393196:VIG393198 UXZ393196:UYK393198 UOD393196:UOO393198 UEH393196:UES393198 TUL393196:TUW393198 TKP393196:TLA393198 TAT393196:TBE393198 SQX393196:SRI393198 SHB393196:SHM393198 RXF393196:RXQ393198 RNJ393196:RNU393198 RDN393196:RDY393198 QTR393196:QUC393198 QJV393196:QKG393198 PZZ393196:QAK393198 PQD393196:PQO393198 PGH393196:PGS393198 OWL393196:OWW393198 OMP393196:ONA393198 OCT393196:ODE393198 NSX393196:NTI393198 NJB393196:NJM393198 MZF393196:MZQ393198 MPJ393196:MPU393198 MFN393196:MFY393198 LVR393196:LWC393198 LLV393196:LMG393198 LBZ393196:LCK393198 KSD393196:KSO393198 KIH393196:KIS393198 JYL393196:JYW393198 JOP393196:JPA393198 JET393196:JFE393198 IUX393196:IVI393198 ILB393196:ILM393198 IBF393196:IBQ393198 HRJ393196:HRU393198 HHN393196:HHY393198 GXR393196:GYC393198 GNV393196:GOG393198 GDZ393196:GEK393198 FUD393196:FUO393198 FKH393196:FKS393198 FAL393196:FAW393198 EQP393196:ERA393198 EGT393196:EHE393198 DWX393196:DXI393198 DNB393196:DNM393198 DDF393196:DDQ393198 CTJ393196:CTU393198 CJN393196:CJY393198 BZR393196:CAC393198 BPV393196:BQG393198 BFZ393196:BGK393198 AWD393196:AWO393198 AMH393196:AMS393198 ACL393196:ACW393198 SP393196:TA393198 IT393196:JE393198 D393196:O393198 WVF327660:WVQ327662 WLJ327660:WLU327662 WBN327660:WBY327662 VRR327660:VSC327662 VHV327660:VIG327662 UXZ327660:UYK327662 UOD327660:UOO327662 UEH327660:UES327662 TUL327660:TUW327662 TKP327660:TLA327662 TAT327660:TBE327662 SQX327660:SRI327662 SHB327660:SHM327662 RXF327660:RXQ327662 RNJ327660:RNU327662 RDN327660:RDY327662 QTR327660:QUC327662 QJV327660:QKG327662 PZZ327660:QAK327662 PQD327660:PQO327662 PGH327660:PGS327662 OWL327660:OWW327662 OMP327660:ONA327662 OCT327660:ODE327662 NSX327660:NTI327662 NJB327660:NJM327662 MZF327660:MZQ327662 MPJ327660:MPU327662 MFN327660:MFY327662 LVR327660:LWC327662 LLV327660:LMG327662 LBZ327660:LCK327662 KSD327660:KSO327662 KIH327660:KIS327662 JYL327660:JYW327662 JOP327660:JPA327662 JET327660:JFE327662 IUX327660:IVI327662 ILB327660:ILM327662 IBF327660:IBQ327662 HRJ327660:HRU327662 HHN327660:HHY327662 GXR327660:GYC327662 GNV327660:GOG327662 GDZ327660:GEK327662 FUD327660:FUO327662 FKH327660:FKS327662 FAL327660:FAW327662 EQP327660:ERA327662 EGT327660:EHE327662 DWX327660:DXI327662 DNB327660:DNM327662 DDF327660:DDQ327662 CTJ327660:CTU327662 CJN327660:CJY327662 BZR327660:CAC327662 BPV327660:BQG327662 BFZ327660:BGK327662 AWD327660:AWO327662 AMH327660:AMS327662 ACL327660:ACW327662 SP327660:TA327662 IT327660:JE327662 D327660:O327662 WVF262124:WVQ262126 WLJ262124:WLU262126 WBN262124:WBY262126 VRR262124:VSC262126 VHV262124:VIG262126 UXZ262124:UYK262126 UOD262124:UOO262126 UEH262124:UES262126 TUL262124:TUW262126 TKP262124:TLA262126 TAT262124:TBE262126 SQX262124:SRI262126 SHB262124:SHM262126 RXF262124:RXQ262126 RNJ262124:RNU262126 RDN262124:RDY262126 QTR262124:QUC262126 QJV262124:QKG262126 PZZ262124:QAK262126 PQD262124:PQO262126 PGH262124:PGS262126 OWL262124:OWW262126 OMP262124:ONA262126 OCT262124:ODE262126 NSX262124:NTI262126 NJB262124:NJM262126 MZF262124:MZQ262126 MPJ262124:MPU262126 MFN262124:MFY262126 LVR262124:LWC262126 LLV262124:LMG262126 LBZ262124:LCK262126 KSD262124:KSO262126 KIH262124:KIS262126 JYL262124:JYW262126 JOP262124:JPA262126 JET262124:JFE262126 IUX262124:IVI262126 ILB262124:ILM262126 IBF262124:IBQ262126 HRJ262124:HRU262126 HHN262124:HHY262126 GXR262124:GYC262126 GNV262124:GOG262126 GDZ262124:GEK262126 FUD262124:FUO262126 FKH262124:FKS262126 FAL262124:FAW262126 EQP262124:ERA262126 EGT262124:EHE262126 DWX262124:DXI262126 DNB262124:DNM262126 DDF262124:DDQ262126 CTJ262124:CTU262126 CJN262124:CJY262126 BZR262124:CAC262126 BPV262124:BQG262126 BFZ262124:BGK262126 AWD262124:AWO262126 AMH262124:AMS262126 ACL262124:ACW262126 SP262124:TA262126 IT262124:JE262126 D262124:O262126 WVF196588:WVQ196590 WLJ196588:WLU196590 WBN196588:WBY196590 VRR196588:VSC196590 VHV196588:VIG196590 UXZ196588:UYK196590 UOD196588:UOO196590 UEH196588:UES196590 TUL196588:TUW196590 TKP196588:TLA196590 TAT196588:TBE196590 SQX196588:SRI196590 SHB196588:SHM196590 RXF196588:RXQ196590 RNJ196588:RNU196590 RDN196588:RDY196590 QTR196588:QUC196590 QJV196588:QKG196590 PZZ196588:QAK196590 PQD196588:PQO196590 PGH196588:PGS196590 OWL196588:OWW196590 OMP196588:ONA196590 OCT196588:ODE196590 NSX196588:NTI196590 NJB196588:NJM196590 MZF196588:MZQ196590 MPJ196588:MPU196590 MFN196588:MFY196590 LVR196588:LWC196590 LLV196588:LMG196590 LBZ196588:LCK196590 KSD196588:KSO196590 KIH196588:KIS196590 JYL196588:JYW196590 JOP196588:JPA196590 JET196588:JFE196590 IUX196588:IVI196590 ILB196588:ILM196590 IBF196588:IBQ196590 HRJ196588:HRU196590 HHN196588:HHY196590 GXR196588:GYC196590 GNV196588:GOG196590 GDZ196588:GEK196590 FUD196588:FUO196590 FKH196588:FKS196590 FAL196588:FAW196590 EQP196588:ERA196590 EGT196588:EHE196590 DWX196588:DXI196590 DNB196588:DNM196590 DDF196588:DDQ196590 CTJ196588:CTU196590 CJN196588:CJY196590 BZR196588:CAC196590 BPV196588:BQG196590 BFZ196588:BGK196590 AWD196588:AWO196590 AMH196588:AMS196590 ACL196588:ACW196590 SP196588:TA196590 IT196588:JE196590 D196588:O196590 WVF131052:WVQ131054 WLJ131052:WLU131054 WBN131052:WBY131054 VRR131052:VSC131054 VHV131052:VIG131054 UXZ131052:UYK131054 UOD131052:UOO131054 UEH131052:UES131054 TUL131052:TUW131054 TKP131052:TLA131054 TAT131052:TBE131054 SQX131052:SRI131054 SHB131052:SHM131054 RXF131052:RXQ131054 RNJ131052:RNU131054 RDN131052:RDY131054 QTR131052:QUC131054 QJV131052:QKG131054 PZZ131052:QAK131054 PQD131052:PQO131054 PGH131052:PGS131054 OWL131052:OWW131054 OMP131052:ONA131054 OCT131052:ODE131054 NSX131052:NTI131054 NJB131052:NJM131054 MZF131052:MZQ131054 MPJ131052:MPU131054 MFN131052:MFY131054 LVR131052:LWC131054 LLV131052:LMG131054 LBZ131052:LCK131054 KSD131052:KSO131054 KIH131052:KIS131054 JYL131052:JYW131054 JOP131052:JPA131054 JET131052:JFE131054 IUX131052:IVI131054 ILB131052:ILM131054 IBF131052:IBQ131054 HRJ131052:HRU131054 HHN131052:HHY131054 GXR131052:GYC131054 GNV131052:GOG131054 GDZ131052:GEK131054 FUD131052:FUO131054 FKH131052:FKS131054 FAL131052:FAW131054 EQP131052:ERA131054 EGT131052:EHE131054 DWX131052:DXI131054 DNB131052:DNM131054 DDF131052:DDQ131054 CTJ131052:CTU131054 CJN131052:CJY131054 BZR131052:CAC131054 BPV131052:BQG131054 BFZ131052:BGK131054 AWD131052:AWO131054 AMH131052:AMS131054 ACL131052:ACW131054 SP131052:TA131054 IT131052:JE131054 D131052:O131054 WVF65516:WVQ65518 WLJ65516:WLU65518 WBN65516:WBY65518 VRR65516:VSC65518 VHV65516:VIG65518 UXZ65516:UYK65518 UOD65516:UOO65518 UEH65516:UES65518 TUL65516:TUW65518 TKP65516:TLA65518 TAT65516:TBE65518 SQX65516:SRI65518 SHB65516:SHM65518 RXF65516:RXQ65518 RNJ65516:RNU65518 RDN65516:RDY65518 QTR65516:QUC65518 QJV65516:QKG65518 PZZ65516:QAK65518 PQD65516:PQO65518 PGH65516:PGS65518 OWL65516:OWW65518 OMP65516:ONA65518 OCT65516:ODE65518 NSX65516:NTI65518 NJB65516:NJM65518 MZF65516:MZQ65518 MPJ65516:MPU65518 MFN65516:MFY65518 LVR65516:LWC65518 LLV65516:LMG65518 LBZ65516:LCK65518 KSD65516:KSO65518 KIH65516:KIS65518 JYL65516:JYW65518 JOP65516:JPA65518 JET65516:JFE65518 IUX65516:IVI65518 ILB65516:ILM65518 IBF65516:IBQ65518 HRJ65516:HRU65518 HHN65516:HHY65518 GXR65516:GYC65518 GNV65516:GOG65518 GDZ65516:GEK65518 FUD65516:FUO65518 FKH65516:FKS65518 FAL65516:FAW65518 EQP65516:ERA65518 EGT65516:EHE65518 DWX65516:DXI65518 DNB65516:DNM65518 DDF65516:DDQ65518 CTJ65516:CTU65518 CJN65516:CJY65518 BZR65516:CAC65518 BPV65516:BQG65518 BFZ65516:BGK65518 AWD65516:AWO65518 AMH65516:AMS65518 ACL65516:ACW65518 SP65516:TA65518 IT65516:JE65518 D65516:O65518 IT12:JE14 WVF12:WVQ14 WLJ12:WLU14 WBN12:WBY14 VRR12:VSC14 VHV12:VIG14 UXZ12:UYK14 UOD12:UOO14 UEH12:UES14 TUL12:TUW14 TKP12:TLA14 TAT12:TBE14 SQX12:SRI14 SHB12:SHM14 RXF12:RXQ14 RNJ12:RNU14 RDN12:RDY14 QTR12:QUC14 QJV12:QKG14 PZZ12:QAK14 PQD12:PQO14 PGH12:PGS14 OWL12:OWW14 OMP12:ONA14 OCT12:ODE14 NSX12:NTI14 NJB12:NJM14 MZF12:MZQ14 MPJ12:MPU14 MFN12:MFY14 LVR12:LWC14 LLV12:LMG14 LBZ12:LCK14 KSD12:KSO14 KIH12:KIS14 JYL12:JYW14 JOP12:JPA14 JET12:JFE14 IUX12:IVI14 ILB12:ILM14 IBF12:IBQ14 HRJ12:HRU14 HHN12:HHY14 GXR12:GYC14 GNV12:GOG14 GDZ12:GEK14 FUD12:FUO14 FKH12:FKS14 FAL12:FAW14 EQP12:ERA14 EGT12:EHE14 DWX12:DXI14 DNB12:DNM14 DDF12:DDQ14 CTJ12:CTU14 CJN12:CJY14 BZR12:CAC14 BPV12:BQG14 BFZ12:BGK14 AWD12:AWO14 AMH12:AMS14 ACL12:ACW14 SP12:TA14 G12:G14">
      <formula1>D12=DBCS(D12)</formula1>
    </dataValidation>
    <dataValidation type="list" allowBlank="1" showInputMessage="1" showErrorMessage="1" sqref="WVP983030:WVR983033 WLT983030:WLV983033 WBX983030:WBZ983033 VSB983030:VSD983033 VIF983030:VIH983033 UYJ983030:UYL983033 UON983030:UOP983033 UER983030:UET983033 TUV983030:TUX983033 TKZ983030:TLB983033 TBD983030:TBF983033 SRH983030:SRJ983033 SHL983030:SHN983033 RXP983030:RXR983033 RNT983030:RNV983033 RDX983030:RDZ983033 QUB983030:QUD983033 QKF983030:QKH983033 QAJ983030:QAL983033 PQN983030:PQP983033 PGR983030:PGT983033 OWV983030:OWX983033 OMZ983030:ONB983033 ODD983030:ODF983033 NTH983030:NTJ983033 NJL983030:NJN983033 MZP983030:MZR983033 MPT983030:MPV983033 MFX983030:MFZ983033 LWB983030:LWD983033 LMF983030:LMH983033 LCJ983030:LCL983033 KSN983030:KSP983033 KIR983030:KIT983033 JYV983030:JYX983033 JOZ983030:JPB983033 JFD983030:JFF983033 IVH983030:IVJ983033 ILL983030:ILN983033 IBP983030:IBR983033 HRT983030:HRV983033 HHX983030:HHZ983033 GYB983030:GYD983033 GOF983030:GOH983033 GEJ983030:GEL983033 FUN983030:FUP983033 FKR983030:FKT983033 FAV983030:FAX983033 EQZ983030:ERB983033 EHD983030:EHF983033 DXH983030:DXJ983033 DNL983030:DNN983033 DDP983030:DDR983033 CTT983030:CTV983033 CJX983030:CJZ983033 CAB983030:CAD983033 BQF983030:BQH983033 BGJ983030:BGL983033 AWN983030:AWP983033 AMR983030:AMT983033 ACV983030:ACX983033 SZ983030:TB983033 JD983030:JF983033 N983030:P983033 WVP917494:WVR917497 WLT917494:WLV917497 WBX917494:WBZ917497 VSB917494:VSD917497 VIF917494:VIH917497 UYJ917494:UYL917497 UON917494:UOP917497 UER917494:UET917497 TUV917494:TUX917497 TKZ917494:TLB917497 TBD917494:TBF917497 SRH917494:SRJ917497 SHL917494:SHN917497 RXP917494:RXR917497 RNT917494:RNV917497 RDX917494:RDZ917497 QUB917494:QUD917497 QKF917494:QKH917497 QAJ917494:QAL917497 PQN917494:PQP917497 PGR917494:PGT917497 OWV917494:OWX917497 OMZ917494:ONB917497 ODD917494:ODF917497 NTH917494:NTJ917497 NJL917494:NJN917497 MZP917494:MZR917497 MPT917494:MPV917497 MFX917494:MFZ917497 LWB917494:LWD917497 LMF917494:LMH917497 LCJ917494:LCL917497 KSN917494:KSP917497 KIR917494:KIT917497 JYV917494:JYX917497 JOZ917494:JPB917497 JFD917494:JFF917497 IVH917494:IVJ917497 ILL917494:ILN917497 IBP917494:IBR917497 HRT917494:HRV917497 HHX917494:HHZ917497 GYB917494:GYD917497 GOF917494:GOH917497 GEJ917494:GEL917497 FUN917494:FUP917497 FKR917494:FKT917497 FAV917494:FAX917497 EQZ917494:ERB917497 EHD917494:EHF917497 DXH917494:DXJ917497 DNL917494:DNN917497 DDP917494:DDR917497 CTT917494:CTV917497 CJX917494:CJZ917497 CAB917494:CAD917497 BQF917494:BQH917497 BGJ917494:BGL917497 AWN917494:AWP917497 AMR917494:AMT917497 ACV917494:ACX917497 SZ917494:TB917497 JD917494:JF917497 N917494:P917497 WVP851958:WVR851961 WLT851958:WLV851961 WBX851958:WBZ851961 VSB851958:VSD851961 VIF851958:VIH851961 UYJ851958:UYL851961 UON851958:UOP851961 UER851958:UET851961 TUV851958:TUX851961 TKZ851958:TLB851961 TBD851958:TBF851961 SRH851958:SRJ851961 SHL851958:SHN851961 RXP851958:RXR851961 RNT851958:RNV851961 RDX851958:RDZ851961 QUB851958:QUD851961 QKF851958:QKH851961 QAJ851958:QAL851961 PQN851958:PQP851961 PGR851958:PGT851961 OWV851958:OWX851961 OMZ851958:ONB851961 ODD851958:ODF851961 NTH851958:NTJ851961 NJL851958:NJN851961 MZP851958:MZR851961 MPT851958:MPV851961 MFX851958:MFZ851961 LWB851958:LWD851961 LMF851958:LMH851961 LCJ851958:LCL851961 KSN851958:KSP851961 KIR851958:KIT851961 JYV851958:JYX851961 JOZ851958:JPB851961 JFD851958:JFF851961 IVH851958:IVJ851961 ILL851958:ILN851961 IBP851958:IBR851961 HRT851958:HRV851961 HHX851958:HHZ851961 GYB851958:GYD851961 GOF851958:GOH851961 GEJ851958:GEL851961 FUN851958:FUP851961 FKR851958:FKT851961 FAV851958:FAX851961 EQZ851958:ERB851961 EHD851958:EHF851961 DXH851958:DXJ851961 DNL851958:DNN851961 DDP851958:DDR851961 CTT851958:CTV851961 CJX851958:CJZ851961 CAB851958:CAD851961 BQF851958:BQH851961 BGJ851958:BGL851961 AWN851958:AWP851961 AMR851958:AMT851961 ACV851958:ACX851961 SZ851958:TB851961 JD851958:JF851961 N851958:P851961 WVP786422:WVR786425 WLT786422:WLV786425 WBX786422:WBZ786425 VSB786422:VSD786425 VIF786422:VIH786425 UYJ786422:UYL786425 UON786422:UOP786425 UER786422:UET786425 TUV786422:TUX786425 TKZ786422:TLB786425 TBD786422:TBF786425 SRH786422:SRJ786425 SHL786422:SHN786425 RXP786422:RXR786425 RNT786422:RNV786425 RDX786422:RDZ786425 QUB786422:QUD786425 QKF786422:QKH786425 QAJ786422:QAL786425 PQN786422:PQP786425 PGR786422:PGT786425 OWV786422:OWX786425 OMZ786422:ONB786425 ODD786422:ODF786425 NTH786422:NTJ786425 NJL786422:NJN786425 MZP786422:MZR786425 MPT786422:MPV786425 MFX786422:MFZ786425 LWB786422:LWD786425 LMF786422:LMH786425 LCJ786422:LCL786425 KSN786422:KSP786425 KIR786422:KIT786425 JYV786422:JYX786425 JOZ786422:JPB786425 JFD786422:JFF786425 IVH786422:IVJ786425 ILL786422:ILN786425 IBP786422:IBR786425 HRT786422:HRV786425 HHX786422:HHZ786425 GYB786422:GYD786425 GOF786422:GOH786425 GEJ786422:GEL786425 FUN786422:FUP786425 FKR786422:FKT786425 FAV786422:FAX786425 EQZ786422:ERB786425 EHD786422:EHF786425 DXH786422:DXJ786425 DNL786422:DNN786425 DDP786422:DDR786425 CTT786422:CTV786425 CJX786422:CJZ786425 CAB786422:CAD786425 BQF786422:BQH786425 BGJ786422:BGL786425 AWN786422:AWP786425 AMR786422:AMT786425 ACV786422:ACX786425 SZ786422:TB786425 JD786422:JF786425 N786422:P786425 WVP720886:WVR720889 WLT720886:WLV720889 WBX720886:WBZ720889 VSB720886:VSD720889 VIF720886:VIH720889 UYJ720886:UYL720889 UON720886:UOP720889 UER720886:UET720889 TUV720886:TUX720889 TKZ720886:TLB720889 TBD720886:TBF720889 SRH720886:SRJ720889 SHL720886:SHN720889 RXP720886:RXR720889 RNT720886:RNV720889 RDX720886:RDZ720889 QUB720886:QUD720889 QKF720886:QKH720889 QAJ720886:QAL720889 PQN720886:PQP720889 PGR720886:PGT720889 OWV720886:OWX720889 OMZ720886:ONB720889 ODD720886:ODF720889 NTH720886:NTJ720889 NJL720886:NJN720889 MZP720886:MZR720889 MPT720886:MPV720889 MFX720886:MFZ720889 LWB720886:LWD720889 LMF720886:LMH720889 LCJ720886:LCL720889 KSN720886:KSP720889 KIR720886:KIT720889 JYV720886:JYX720889 JOZ720886:JPB720889 JFD720886:JFF720889 IVH720886:IVJ720889 ILL720886:ILN720889 IBP720886:IBR720889 HRT720886:HRV720889 HHX720886:HHZ720889 GYB720886:GYD720889 GOF720886:GOH720889 GEJ720886:GEL720889 FUN720886:FUP720889 FKR720886:FKT720889 FAV720886:FAX720889 EQZ720886:ERB720889 EHD720886:EHF720889 DXH720886:DXJ720889 DNL720886:DNN720889 DDP720886:DDR720889 CTT720886:CTV720889 CJX720886:CJZ720889 CAB720886:CAD720889 BQF720886:BQH720889 BGJ720886:BGL720889 AWN720886:AWP720889 AMR720886:AMT720889 ACV720886:ACX720889 SZ720886:TB720889 JD720886:JF720889 N720886:P720889 WVP655350:WVR655353 WLT655350:WLV655353 WBX655350:WBZ655353 VSB655350:VSD655353 VIF655350:VIH655353 UYJ655350:UYL655353 UON655350:UOP655353 UER655350:UET655353 TUV655350:TUX655353 TKZ655350:TLB655353 TBD655350:TBF655353 SRH655350:SRJ655353 SHL655350:SHN655353 RXP655350:RXR655353 RNT655350:RNV655353 RDX655350:RDZ655353 QUB655350:QUD655353 QKF655350:QKH655353 QAJ655350:QAL655353 PQN655350:PQP655353 PGR655350:PGT655353 OWV655350:OWX655353 OMZ655350:ONB655353 ODD655350:ODF655353 NTH655350:NTJ655353 NJL655350:NJN655353 MZP655350:MZR655353 MPT655350:MPV655353 MFX655350:MFZ655353 LWB655350:LWD655353 LMF655350:LMH655353 LCJ655350:LCL655353 KSN655350:KSP655353 KIR655350:KIT655353 JYV655350:JYX655353 JOZ655350:JPB655353 JFD655350:JFF655353 IVH655350:IVJ655353 ILL655350:ILN655353 IBP655350:IBR655353 HRT655350:HRV655353 HHX655350:HHZ655353 GYB655350:GYD655353 GOF655350:GOH655353 GEJ655350:GEL655353 FUN655350:FUP655353 FKR655350:FKT655353 FAV655350:FAX655353 EQZ655350:ERB655353 EHD655350:EHF655353 DXH655350:DXJ655353 DNL655350:DNN655353 DDP655350:DDR655353 CTT655350:CTV655353 CJX655350:CJZ655353 CAB655350:CAD655353 BQF655350:BQH655353 BGJ655350:BGL655353 AWN655350:AWP655353 AMR655350:AMT655353 ACV655350:ACX655353 SZ655350:TB655353 JD655350:JF655353 N655350:P655353 WVP589814:WVR589817 WLT589814:WLV589817 WBX589814:WBZ589817 VSB589814:VSD589817 VIF589814:VIH589817 UYJ589814:UYL589817 UON589814:UOP589817 UER589814:UET589817 TUV589814:TUX589817 TKZ589814:TLB589817 TBD589814:TBF589817 SRH589814:SRJ589817 SHL589814:SHN589817 RXP589814:RXR589817 RNT589814:RNV589817 RDX589814:RDZ589817 QUB589814:QUD589817 QKF589814:QKH589817 QAJ589814:QAL589817 PQN589814:PQP589817 PGR589814:PGT589817 OWV589814:OWX589817 OMZ589814:ONB589817 ODD589814:ODF589817 NTH589814:NTJ589817 NJL589814:NJN589817 MZP589814:MZR589817 MPT589814:MPV589817 MFX589814:MFZ589817 LWB589814:LWD589817 LMF589814:LMH589817 LCJ589814:LCL589817 KSN589814:KSP589817 KIR589814:KIT589817 JYV589814:JYX589817 JOZ589814:JPB589817 JFD589814:JFF589817 IVH589814:IVJ589817 ILL589814:ILN589817 IBP589814:IBR589817 HRT589814:HRV589817 HHX589814:HHZ589817 GYB589814:GYD589817 GOF589814:GOH589817 GEJ589814:GEL589817 FUN589814:FUP589817 FKR589814:FKT589817 FAV589814:FAX589817 EQZ589814:ERB589817 EHD589814:EHF589817 DXH589814:DXJ589817 DNL589814:DNN589817 DDP589814:DDR589817 CTT589814:CTV589817 CJX589814:CJZ589817 CAB589814:CAD589817 BQF589814:BQH589817 BGJ589814:BGL589817 AWN589814:AWP589817 AMR589814:AMT589817 ACV589814:ACX589817 SZ589814:TB589817 JD589814:JF589817 N589814:P589817 WVP524278:WVR524281 WLT524278:WLV524281 WBX524278:WBZ524281 VSB524278:VSD524281 VIF524278:VIH524281 UYJ524278:UYL524281 UON524278:UOP524281 UER524278:UET524281 TUV524278:TUX524281 TKZ524278:TLB524281 TBD524278:TBF524281 SRH524278:SRJ524281 SHL524278:SHN524281 RXP524278:RXR524281 RNT524278:RNV524281 RDX524278:RDZ524281 QUB524278:QUD524281 QKF524278:QKH524281 QAJ524278:QAL524281 PQN524278:PQP524281 PGR524278:PGT524281 OWV524278:OWX524281 OMZ524278:ONB524281 ODD524278:ODF524281 NTH524278:NTJ524281 NJL524278:NJN524281 MZP524278:MZR524281 MPT524278:MPV524281 MFX524278:MFZ524281 LWB524278:LWD524281 LMF524278:LMH524281 LCJ524278:LCL524281 KSN524278:KSP524281 KIR524278:KIT524281 JYV524278:JYX524281 JOZ524278:JPB524281 JFD524278:JFF524281 IVH524278:IVJ524281 ILL524278:ILN524281 IBP524278:IBR524281 HRT524278:HRV524281 HHX524278:HHZ524281 GYB524278:GYD524281 GOF524278:GOH524281 GEJ524278:GEL524281 FUN524278:FUP524281 FKR524278:FKT524281 FAV524278:FAX524281 EQZ524278:ERB524281 EHD524278:EHF524281 DXH524278:DXJ524281 DNL524278:DNN524281 DDP524278:DDR524281 CTT524278:CTV524281 CJX524278:CJZ524281 CAB524278:CAD524281 BQF524278:BQH524281 BGJ524278:BGL524281 AWN524278:AWP524281 AMR524278:AMT524281 ACV524278:ACX524281 SZ524278:TB524281 JD524278:JF524281 N524278:P524281 WVP458742:WVR458745 WLT458742:WLV458745 WBX458742:WBZ458745 VSB458742:VSD458745 VIF458742:VIH458745 UYJ458742:UYL458745 UON458742:UOP458745 UER458742:UET458745 TUV458742:TUX458745 TKZ458742:TLB458745 TBD458742:TBF458745 SRH458742:SRJ458745 SHL458742:SHN458745 RXP458742:RXR458745 RNT458742:RNV458745 RDX458742:RDZ458745 QUB458742:QUD458745 QKF458742:QKH458745 QAJ458742:QAL458745 PQN458742:PQP458745 PGR458742:PGT458745 OWV458742:OWX458745 OMZ458742:ONB458745 ODD458742:ODF458745 NTH458742:NTJ458745 NJL458742:NJN458745 MZP458742:MZR458745 MPT458742:MPV458745 MFX458742:MFZ458745 LWB458742:LWD458745 LMF458742:LMH458745 LCJ458742:LCL458745 KSN458742:KSP458745 KIR458742:KIT458745 JYV458742:JYX458745 JOZ458742:JPB458745 JFD458742:JFF458745 IVH458742:IVJ458745 ILL458742:ILN458745 IBP458742:IBR458745 HRT458742:HRV458745 HHX458742:HHZ458745 GYB458742:GYD458745 GOF458742:GOH458745 GEJ458742:GEL458745 FUN458742:FUP458745 FKR458742:FKT458745 FAV458742:FAX458745 EQZ458742:ERB458745 EHD458742:EHF458745 DXH458742:DXJ458745 DNL458742:DNN458745 DDP458742:DDR458745 CTT458742:CTV458745 CJX458742:CJZ458745 CAB458742:CAD458745 BQF458742:BQH458745 BGJ458742:BGL458745 AWN458742:AWP458745 AMR458742:AMT458745 ACV458742:ACX458745 SZ458742:TB458745 JD458742:JF458745 N458742:P458745 WVP393206:WVR393209 WLT393206:WLV393209 WBX393206:WBZ393209 VSB393206:VSD393209 VIF393206:VIH393209 UYJ393206:UYL393209 UON393206:UOP393209 UER393206:UET393209 TUV393206:TUX393209 TKZ393206:TLB393209 TBD393206:TBF393209 SRH393206:SRJ393209 SHL393206:SHN393209 RXP393206:RXR393209 RNT393206:RNV393209 RDX393206:RDZ393209 QUB393206:QUD393209 QKF393206:QKH393209 QAJ393206:QAL393209 PQN393206:PQP393209 PGR393206:PGT393209 OWV393206:OWX393209 OMZ393206:ONB393209 ODD393206:ODF393209 NTH393206:NTJ393209 NJL393206:NJN393209 MZP393206:MZR393209 MPT393206:MPV393209 MFX393206:MFZ393209 LWB393206:LWD393209 LMF393206:LMH393209 LCJ393206:LCL393209 KSN393206:KSP393209 KIR393206:KIT393209 JYV393206:JYX393209 JOZ393206:JPB393209 JFD393206:JFF393209 IVH393206:IVJ393209 ILL393206:ILN393209 IBP393206:IBR393209 HRT393206:HRV393209 HHX393206:HHZ393209 GYB393206:GYD393209 GOF393206:GOH393209 GEJ393206:GEL393209 FUN393206:FUP393209 FKR393206:FKT393209 FAV393206:FAX393209 EQZ393206:ERB393209 EHD393206:EHF393209 DXH393206:DXJ393209 DNL393206:DNN393209 DDP393206:DDR393209 CTT393206:CTV393209 CJX393206:CJZ393209 CAB393206:CAD393209 BQF393206:BQH393209 BGJ393206:BGL393209 AWN393206:AWP393209 AMR393206:AMT393209 ACV393206:ACX393209 SZ393206:TB393209 JD393206:JF393209 N393206:P393209 WVP327670:WVR327673 WLT327670:WLV327673 WBX327670:WBZ327673 VSB327670:VSD327673 VIF327670:VIH327673 UYJ327670:UYL327673 UON327670:UOP327673 UER327670:UET327673 TUV327670:TUX327673 TKZ327670:TLB327673 TBD327670:TBF327673 SRH327670:SRJ327673 SHL327670:SHN327673 RXP327670:RXR327673 RNT327670:RNV327673 RDX327670:RDZ327673 QUB327670:QUD327673 QKF327670:QKH327673 QAJ327670:QAL327673 PQN327670:PQP327673 PGR327670:PGT327673 OWV327670:OWX327673 OMZ327670:ONB327673 ODD327670:ODF327673 NTH327670:NTJ327673 NJL327670:NJN327673 MZP327670:MZR327673 MPT327670:MPV327673 MFX327670:MFZ327673 LWB327670:LWD327673 LMF327670:LMH327673 LCJ327670:LCL327673 KSN327670:KSP327673 KIR327670:KIT327673 JYV327670:JYX327673 JOZ327670:JPB327673 JFD327670:JFF327673 IVH327670:IVJ327673 ILL327670:ILN327673 IBP327670:IBR327673 HRT327670:HRV327673 HHX327670:HHZ327673 GYB327670:GYD327673 GOF327670:GOH327673 GEJ327670:GEL327673 FUN327670:FUP327673 FKR327670:FKT327673 FAV327670:FAX327673 EQZ327670:ERB327673 EHD327670:EHF327673 DXH327670:DXJ327673 DNL327670:DNN327673 DDP327670:DDR327673 CTT327670:CTV327673 CJX327670:CJZ327673 CAB327670:CAD327673 BQF327670:BQH327673 BGJ327670:BGL327673 AWN327670:AWP327673 AMR327670:AMT327673 ACV327670:ACX327673 SZ327670:TB327673 JD327670:JF327673 N327670:P327673 WVP262134:WVR262137 WLT262134:WLV262137 WBX262134:WBZ262137 VSB262134:VSD262137 VIF262134:VIH262137 UYJ262134:UYL262137 UON262134:UOP262137 UER262134:UET262137 TUV262134:TUX262137 TKZ262134:TLB262137 TBD262134:TBF262137 SRH262134:SRJ262137 SHL262134:SHN262137 RXP262134:RXR262137 RNT262134:RNV262137 RDX262134:RDZ262137 QUB262134:QUD262137 QKF262134:QKH262137 QAJ262134:QAL262137 PQN262134:PQP262137 PGR262134:PGT262137 OWV262134:OWX262137 OMZ262134:ONB262137 ODD262134:ODF262137 NTH262134:NTJ262137 NJL262134:NJN262137 MZP262134:MZR262137 MPT262134:MPV262137 MFX262134:MFZ262137 LWB262134:LWD262137 LMF262134:LMH262137 LCJ262134:LCL262137 KSN262134:KSP262137 KIR262134:KIT262137 JYV262134:JYX262137 JOZ262134:JPB262137 JFD262134:JFF262137 IVH262134:IVJ262137 ILL262134:ILN262137 IBP262134:IBR262137 HRT262134:HRV262137 HHX262134:HHZ262137 GYB262134:GYD262137 GOF262134:GOH262137 GEJ262134:GEL262137 FUN262134:FUP262137 FKR262134:FKT262137 FAV262134:FAX262137 EQZ262134:ERB262137 EHD262134:EHF262137 DXH262134:DXJ262137 DNL262134:DNN262137 DDP262134:DDR262137 CTT262134:CTV262137 CJX262134:CJZ262137 CAB262134:CAD262137 BQF262134:BQH262137 BGJ262134:BGL262137 AWN262134:AWP262137 AMR262134:AMT262137 ACV262134:ACX262137 SZ262134:TB262137 JD262134:JF262137 N262134:P262137 WVP196598:WVR196601 WLT196598:WLV196601 WBX196598:WBZ196601 VSB196598:VSD196601 VIF196598:VIH196601 UYJ196598:UYL196601 UON196598:UOP196601 UER196598:UET196601 TUV196598:TUX196601 TKZ196598:TLB196601 TBD196598:TBF196601 SRH196598:SRJ196601 SHL196598:SHN196601 RXP196598:RXR196601 RNT196598:RNV196601 RDX196598:RDZ196601 QUB196598:QUD196601 QKF196598:QKH196601 QAJ196598:QAL196601 PQN196598:PQP196601 PGR196598:PGT196601 OWV196598:OWX196601 OMZ196598:ONB196601 ODD196598:ODF196601 NTH196598:NTJ196601 NJL196598:NJN196601 MZP196598:MZR196601 MPT196598:MPV196601 MFX196598:MFZ196601 LWB196598:LWD196601 LMF196598:LMH196601 LCJ196598:LCL196601 KSN196598:KSP196601 KIR196598:KIT196601 JYV196598:JYX196601 JOZ196598:JPB196601 JFD196598:JFF196601 IVH196598:IVJ196601 ILL196598:ILN196601 IBP196598:IBR196601 HRT196598:HRV196601 HHX196598:HHZ196601 GYB196598:GYD196601 GOF196598:GOH196601 GEJ196598:GEL196601 FUN196598:FUP196601 FKR196598:FKT196601 FAV196598:FAX196601 EQZ196598:ERB196601 EHD196598:EHF196601 DXH196598:DXJ196601 DNL196598:DNN196601 DDP196598:DDR196601 CTT196598:CTV196601 CJX196598:CJZ196601 CAB196598:CAD196601 BQF196598:BQH196601 BGJ196598:BGL196601 AWN196598:AWP196601 AMR196598:AMT196601 ACV196598:ACX196601 SZ196598:TB196601 JD196598:JF196601 N196598:P196601 WVP131062:WVR131065 WLT131062:WLV131065 WBX131062:WBZ131065 VSB131062:VSD131065 VIF131062:VIH131065 UYJ131062:UYL131065 UON131062:UOP131065 UER131062:UET131065 TUV131062:TUX131065 TKZ131062:TLB131065 TBD131062:TBF131065 SRH131062:SRJ131065 SHL131062:SHN131065 RXP131062:RXR131065 RNT131062:RNV131065 RDX131062:RDZ131065 QUB131062:QUD131065 QKF131062:QKH131065 QAJ131062:QAL131065 PQN131062:PQP131065 PGR131062:PGT131065 OWV131062:OWX131065 OMZ131062:ONB131065 ODD131062:ODF131065 NTH131062:NTJ131065 NJL131062:NJN131065 MZP131062:MZR131065 MPT131062:MPV131065 MFX131062:MFZ131065 LWB131062:LWD131065 LMF131062:LMH131065 LCJ131062:LCL131065 KSN131062:KSP131065 KIR131062:KIT131065 JYV131062:JYX131065 JOZ131062:JPB131065 JFD131062:JFF131065 IVH131062:IVJ131065 ILL131062:ILN131065 IBP131062:IBR131065 HRT131062:HRV131065 HHX131062:HHZ131065 GYB131062:GYD131065 GOF131062:GOH131065 GEJ131062:GEL131065 FUN131062:FUP131065 FKR131062:FKT131065 FAV131062:FAX131065 EQZ131062:ERB131065 EHD131062:EHF131065 DXH131062:DXJ131065 DNL131062:DNN131065 DDP131062:DDR131065 CTT131062:CTV131065 CJX131062:CJZ131065 CAB131062:CAD131065 BQF131062:BQH131065 BGJ131062:BGL131065 AWN131062:AWP131065 AMR131062:AMT131065 ACV131062:ACX131065 SZ131062:TB131065 JD131062:JF131065 N131062:P131065 WVP65526:WVR65529 WLT65526:WLV65529 WBX65526:WBZ65529 VSB65526:VSD65529 VIF65526:VIH65529 UYJ65526:UYL65529 UON65526:UOP65529 UER65526:UET65529 TUV65526:TUX65529 TKZ65526:TLB65529 TBD65526:TBF65529 SRH65526:SRJ65529 SHL65526:SHN65529 RXP65526:RXR65529 RNT65526:RNV65529 RDX65526:RDZ65529 QUB65526:QUD65529 QKF65526:QKH65529 QAJ65526:QAL65529 PQN65526:PQP65529 PGR65526:PGT65529 OWV65526:OWX65529 OMZ65526:ONB65529 ODD65526:ODF65529 NTH65526:NTJ65529 NJL65526:NJN65529 MZP65526:MZR65529 MPT65526:MPV65529 MFX65526:MFZ65529 LWB65526:LWD65529 LMF65526:LMH65529 LCJ65526:LCL65529 KSN65526:KSP65529 KIR65526:KIT65529 JYV65526:JYX65529 JOZ65526:JPB65529 JFD65526:JFF65529 IVH65526:IVJ65529 ILL65526:ILN65529 IBP65526:IBR65529 HRT65526:HRV65529 HHX65526:HHZ65529 GYB65526:GYD65529 GOF65526:GOH65529 GEJ65526:GEL65529 FUN65526:FUP65529 FKR65526:FKT65529 FAV65526:FAX65529 EQZ65526:ERB65529 EHD65526:EHF65529 DXH65526:DXJ65529 DNL65526:DNN65529 DDP65526:DDR65529 CTT65526:CTV65529 CJX65526:CJZ65529 CAB65526:CAD65529 BQF65526:BQH65529 BGJ65526:BGL65529 AWN65526:AWP65529 AMR65526:AMT65529 ACV65526:ACX65529 SZ65526:TB65529 JD65526:JF65529 N65526:P65529 JD23:JF27 WVP23:WVR27 WLT23:WLV27 WBX23:WBZ27 VSB23:VSD27 VIF23:VIH27 UYJ23:UYL27 UON23:UOP27 UER23:UET27 TUV23:TUX27 TKZ23:TLB27 TBD23:TBF27 SRH23:SRJ27 SHL23:SHN27 RXP23:RXR27 RNT23:RNV27 RDX23:RDZ27 QUB23:QUD27 QKF23:QKH27 QAJ23:QAL27 PQN23:PQP27 PGR23:PGT27 OWV23:OWX27 OMZ23:ONB27 ODD23:ODF27 NTH23:NTJ27 NJL23:NJN27 MZP23:MZR27 MPT23:MPV27 MFX23:MFZ27 LWB23:LWD27 LMF23:LMH27 LCJ23:LCL27 KSN23:KSP27 KIR23:KIT27 JYV23:JYX27 JOZ23:JPB27 JFD23:JFF27 IVH23:IVJ27 ILL23:ILN27 IBP23:IBR27 HRT23:HRV27 HHX23:HHZ27 GYB23:GYD27 GOF23:GOH27 GEJ23:GEL27 FUN23:FUP27 FKR23:FKT27 FAV23:FAX27 EQZ23:ERB27 EHD23:EHF27 DXH23:DXJ27 DNL23:DNN27 DDP23:DDR27 CTT23:CTV27 CJX23:CJZ27 CAB23:CAD27 BQF23:BQH27 BGJ23:BGL27 AWN23:AWP27 AMR23:AMT27 ACV23:ACX27 SZ23:TB27">
      <formula1>$AF$23:$AF$23</formula1>
    </dataValidation>
  </dataValidations>
  <pageMargins left="0.70866141732283472" right="0.70866141732283472" top="0.78740157480314965" bottom="0.74803149606299213" header="0.31496062992125984" footer="0.31496062992125984"/>
  <pageSetup paperSize="9" scale="81" orientation="portrait" blackAndWhite="1"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49"/>
  <sheetViews>
    <sheetView view="pageBreakPreview" zoomScaleNormal="100" zoomScaleSheetLayoutView="100" workbookViewId="0"/>
  </sheetViews>
  <sheetFormatPr defaultRowHeight="14.25"/>
  <cols>
    <col min="1" max="1" width="7.5" style="113" customWidth="1"/>
    <col min="2" max="2" width="23.75" style="113" customWidth="1"/>
    <col min="3" max="3" width="12.25" style="113" customWidth="1"/>
    <col min="4" max="4" width="6.125" style="113" customWidth="1"/>
    <col min="5" max="5" width="1.75" style="113" customWidth="1"/>
    <col min="6" max="6" width="7.25" style="113" customWidth="1"/>
    <col min="7" max="7" width="4.125" style="113" customWidth="1"/>
    <col min="8" max="8" width="5.75" style="113" customWidth="1"/>
    <col min="9" max="9" width="1.75" style="113" customWidth="1"/>
    <col min="10" max="10" width="8.875" style="113"/>
    <col min="11" max="11" width="5" style="113" customWidth="1"/>
    <col min="12" max="12" width="1.625" style="113" customWidth="1"/>
    <col min="13" max="13" width="3.875" style="113" customWidth="1"/>
    <col min="14" max="14" width="2.125" style="113" customWidth="1"/>
    <col min="15" max="16" width="4" style="113" customWidth="1"/>
    <col min="17" max="17" width="13.75" style="113" customWidth="1"/>
    <col min="18" max="18" width="1.5" style="113" customWidth="1"/>
    <col min="19" max="19" width="2.25" style="115" customWidth="1"/>
    <col min="20" max="20" width="1.625" style="116" customWidth="1"/>
    <col min="21" max="21" width="72.5" style="113" customWidth="1"/>
    <col min="22" max="31" width="8.875" style="113"/>
    <col min="32" max="33" width="10" style="113" hidden="1" customWidth="1"/>
    <col min="34" max="34" width="68" style="113" hidden="1" customWidth="1"/>
    <col min="35" max="35" width="10" style="113" hidden="1" customWidth="1"/>
    <col min="36" max="43" width="10" style="113" customWidth="1"/>
    <col min="44" max="250" width="8.875" style="113"/>
    <col min="251" max="251" width="7.5" style="113" customWidth="1"/>
    <col min="252" max="252" width="16" style="113" customWidth="1"/>
    <col min="253" max="253" width="12.25" style="113" customWidth="1"/>
    <col min="254" max="254" width="6.125" style="113" customWidth="1"/>
    <col min="255" max="255" width="1.75" style="113" customWidth="1"/>
    <col min="256" max="256" width="7.25" style="113" customWidth="1"/>
    <col min="257" max="257" width="4.125" style="113" customWidth="1"/>
    <col min="258" max="258" width="5.75" style="113" customWidth="1"/>
    <col min="259" max="259" width="1.75" style="113" customWidth="1"/>
    <col min="260" max="260" width="8.875" style="113"/>
    <col min="261" max="261" width="5" style="113" customWidth="1"/>
    <col min="262" max="262" width="1.625" style="113" customWidth="1"/>
    <col min="263" max="263" width="3.875" style="113" customWidth="1"/>
    <col min="264" max="264" width="2.125" style="113" customWidth="1"/>
    <col min="265" max="266" width="4" style="113" customWidth="1"/>
    <col min="267" max="267" width="13.75" style="113" customWidth="1"/>
    <col min="268" max="268" width="1.5" style="113" customWidth="1"/>
    <col min="269" max="269" width="3.5" style="113" customWidth="1"/>
    <col min="270" max="270" width="1.625" style="113" customWidth="1"/>
    <col min="271" max="271" width="72.5" style="113" customWidth="1"/>
    <col min="272" max="272" width="8.375" style="113" customWidth="1"/>
    <col min="273" max="276" width="0" style="113" hidden="1" customWidth="1"/>
    <col min="277" max="287" width="8.875" style="113"/>
    <col min="288" max="291" width="0" style="113" hidden="1" customWidth="1"/>
    <col min="292" max="299" width="10" style="113" customWidth="1"/>
    <col min="300" max="506" width="8.875" style="113"/>
    <col min="507" max="507" width="7.5" style="113" customWidth="1"/>
    <col min="508" max="508" width="16" style="113" customWidth="1"/>
    <col min="509" max="509" width="12.25" style="113" customWidth="1"/>
    <col min="510" max="510" width="6.125" style="113" customWidth="1"/>
    <col min="511" max="511" width="1.75" style="113" customWidth="1"/>
    <col min="512" max="512" width="7.25" style="113" customWidth="1"/>
    <col min="513" max="513" width="4.125" style="113" customWidth="1"/>
    <col min="514" max="514" width="5.75" style="113" customWidth="1"/>
    <col min="515" max="515" width="1.75" style="113" customWidth="1"/>
    <col min="516" max="516" width="8.875" style="113"/>
    <col min="517" max="517" width="5" style="113" customWidth="1"/>
    <col min="518" max="518" width="1.625" style="113" customWidth="1"/>
    <col min="519" max="519" width="3.875" style="113" customWidth="1"/>
    <col min="520" max="520" width="2.125" style="113" customWidth="1"/>
    <col min="521" max="522" width="4" style="113" customWidth="1"/>
    <col min="523" max="523" width="13.75" style="113" customWidth="1"/>
    <col min="524" max="524" width="1.5" style="113" customWidth="1"/>
    <col min="525" max="525" width="3.5" style="113" customWidth="1"/>
    <col min="526" max="526" width="1.625" style="113" customWidth="1"/>
    <col min="527" max="527" width="72.5" style="113" customWidth="1"/>
    <col min="528" max="528" width="8.375" style="113" customWidth="1"/>
    <col min="529" max="532" width="0" style="113" hidden="1" customWidth="1"/>
    <col min="533" max="543" width="8.875" style="113"/>
    <col min="544" max="547" width="0" style="113" hidden="1" customWidth="1"/>
    <col min="548" max="555" width="10" style="113" customWidth="1"/>
    <col min="556" max="762" width="8.875" style="113"/>
    <col min="763" max="763" width="7.5" style="113" customWidth="1"/>
    <col min="764" max="764" width="16" style="113" customWidth="1"/>
    <col min="765" max="765" width="12.25" style="113" customWidth="1"/>
    <col min="766" max="766" width="6.125" style="113" customWidth="1"/>
    <col min="767" max="767" width="1.75" style="113" customWidth="1"/>
    <col min="768" max="768" width="7.25" style="113" customWidth="1"/>
    <col min="769" max="769" width="4.125" style="113" customWidth="1"/>
    <col min="770" max="770" width="5.75" style="113" customWidth="1"/>
    <col min="771" max="771" width="1.75" style="113" customWidth="1"/>
    <col min="772" max="772" width="8.875" style="113"/>
    <col min="773" max="773" width="5" style="113" customWidth="1"/>
    <col min="774" max="774" width="1.625" style="113" customWidth="1"/>
    <col min="775" max="775" width="3.875" style="113" customWidth="1"/>
    <col min="776" max="776" width="2.125" style="113" customWidth="1"/>
    <col min="777" max="778" width="4" style="113" customWidth="1"/>
    <col min="779" max="779" width="13.75" style="113" customWidth="1"/>
    <col min="780" max="780" width="1.5" style="113" customWidth="1"/>
    <col min="781" max="781" width="3.5" style="113" customWidth="1"/>
    <col min="782" max="782" width="1.625" style="113" customWidth="1"/>
    <col min="783" max="783" width="72.5" style="113" customWidth="1"/>
    <col min="784" max="784" width="8.375" style="113" customWidth="1"/>
    <col min="785" max="788" width="0" style="113" hidden="1" customWidth="1"/>
    <col min="789" max="799" width="8.875" style="113"/>
    <col min="800" max="803" width="0" style="113" hidden="1" customWidth="1"/>
    <col min="804" max="811" width="10" style="113" customWidth="1"/>
    <col min="812" max="1018" width="8.875" style="113"/>
    <col min="1019" max="1019" width="7.5" style="113" customWidth="1"/>
    <col min="1020" max="1020" width="16" style="113" customWidth="1"/>
    <col min="1021" max="1021" width="12.25" style="113" customWidth="1"/>
    <col min="1022" max="1022" width="6.125" style="113" customWidth="1"/>
    <col min="1023" max="1023" width="1.75" style="113" customWidth="1"/>
    <col min="1024" max="1024" width="7.25" style="113" customWidth="1"/>
    <col min="1025" max="1025" width="4.125" style="113" customWidth="1"/>
    <col min="1026" max="1026" width="5.75" style="113" customWidth="1"/>
    <col min="1027" max="1027" width="1.75" style="113" customWidth="1"/>
    <col min="1028" max="1028" width="8.875" style="113"/>
    <col min="1029" max="1029" width="5" style="113" customWidth="1"/>
    <col min="1030" max="1030" width="1.625" style="113" customWidth="1"/>
    <col min="1031" max="1031" width="3.875" style="113" customWidth="1"/>
    <col min="1032" max="1032" width="2.125" style="113" customWidth="1"/>
    <col min="1033" max="1034" width="4" style="113" customWidth="1"/>
    <col min="1035" max="1035" width="13.75" style="113" customWidth="1"/>
    <col min="1036" max="1036" width="1.5" style="113" customWidth="1"/>
    <col min="1037" max="1037" width="3.5" style="113" customWidth="1"/>
    <col min="1038" max="1038" width="1.625" style="113" customWidth="1"/>
    <col min="1039" max="1039" width="72.5" style="113" customWidth="1"/>
    <col min="1040" max="1040" width="8.375" style="113" customWidth="1"/>
    <col min="1041" max="1044" width="0" style="113" hidden="1" customWidth="1"/>
    <col min="1045" max="1055" width="8.875" style="113"/>
    <col min="1056" max="1059" width="0" style="113" hidden="1" customWidth="1"/>
    <col min="1060" max="1067" width="10" style="113" customWidth="1"/>
    <col min="1068" max="1274" width="8.875" style="113"/>
    <col min="1275" max="1275" width="7.5" style="113" customWidth="1"/>
    <col min="1276" max="1276" width="16" style="113" customWidth="1"/>
    <col min="1277" max="1277" width="12.25" style="113" customWidth="1"/>
    <col min="1278" max="1278" width="6.125" style="113" customWidth="1"/>
    <col min="1279" max="1279" width="1.75" style="113" customWidth="1"/>
    <col min="1280" max="1280" width="7.25" style="113" customWidth="1"/>
    <col min="1281" max="1281" width="4.125" style="113" customWidth="1"/>
    <col min="1282" max="1282" width="5.75" style="113" customWidth="1"/>
    <col min="1283" max="1283" width="1.75" style="113" customWidth="1"/>
    <col min="1284" max="1284" width="8.875" style="113"/>
    <col min="1285" max="1285" width="5" style="113" customWidth="1"/>
    <col min="1286" max="1286" width="1.625" style="113" customWidth="1"/>
    <col min="1287" max="1287" width="3.875" style="113" customWidth="1"/>
    <col min="1288" max="1288" width="2.125" style="113" customWidth="1"/>
    <col min="1289" max="1290" width="4" style="113" customWidth="1"/>
    <col min="1291" max="1291" width="13.75" style="113" customWidth="1"/>
    <col min="1292" max="1292" width="1.5" style="113" customWidth="1"/>
    <col min="1293" max="1293" width="3.5" style="113" customWidth="1"/>
    <col min="1294" max="1294" width="1.625" style="113" customWidth="1"/>
    <col min="1295" max="1295" width="72.5" style="113" customWidth="1"/>
    <col min="1296" max="1296" width="8.375" style="113" customWidth="1"/>
    <col min="1297" max="1300" width="0" style="113" hidden="1" customWidth="1"/>
    <col min="1301" max="1311" width="8.875" style="113"/>
    <col min="1312" max="1315" width="0" style="113" hidden="1" customWidth="1"/>
    <col min="1316" max="1323" width="10" style="113" customWidth="1"/>
    <col min="1324" max="1530" width="8.875" style="113"/>
    <col min="1531" max="1531" width="7.5" style="113" customWidth="1"/>
    <col min="1532" max="1532" width="16" style="113" customWidth="1"/>
    <col min="1533" max="1533" width="12.25" style="113" customWidth="1"/>
    <col min="1534" max="1534" width="6.125" style="113" customWidth="1"/>
    <col min="1535" max="1535" width="1.75" style="113" customWidth="1"/>
    <col min="1536" max="1536" width="7.25" style="113" customWidth="1"/>
    <col min="1537" max="1537" width="4.125" style="113" customWidth="1"/>
    <col min="1538" max="1538" width="5.75" style="113" customWidth="1"/>
    <col min="1539" max="1539" width="1.75" style="113" customWidth="1"/>
    <col min="1540" max="1540" width="8.875" style="113"/>
    <col min="1541" max="1541" width="5" style="113" customWidth="1"/>
    <col min="1542" max="1542" width="1.625" style="113" customWidth="1"/>
    <col min="1543" max="1543" width="3.875" style="113" customWidth="1"/>
    <col min="1544" max="1544" width="2.125" style="113" customWidth="1"/>
    <col min="1545" max="1546" width="4" style="113" customWidth="1"/>
    <col min="1547" max="1547" width="13.75" style="113" customWidth="1"/>
    <col min="1548" max="1548" width="1.5" style="113" customWidth="1"/>
    <col min="1549" max="1549" width="3.5" style="113" customWidth="1"/>
    <col min="1550" max="1550" width="1.625" style="113" customWidth="1"/>
    <col min="1551" max="1551" width="72.5" style="113" customWidth="1"/>
    <col min="1552" max="1552" width="8.375" style="113" customWidth="1"/>
    <col min="1553" max="1556" width="0" style="113" hidden="1" customWidth="1"/>
    <col min="1557" max="1567" width="8.875" style="113"/>
    <col min="1568" max="1571" width="0" style="113" hidden="1" customWidth="1"/>
    <col min="1572" max="1579" width="10" style="113" customWidth="1"/>
    <col min="1580" max="1786" width="8.875" style="113"/>
    <col min="1787" max="1787" width="7.5" style="113" customWidth="1"/>
    <col min="1788" max="1788" width="16" style="113" customWidth="1"/>
    <col min="1789" max="1789" width="12.25" style="113" customWidth="1"/>
    <col min="1790" max="1790" width="6.125" style="113" customWidth="1"/>
    <col min="1791" max="1791" width="1.75" style="113" customWidth="1"/>
    <col min="1792" max="1792" width="7.25" style="113" customWidth="1"/>
    <col min="1793" max="1793" width="4.125" style="113" customWidth="1"/>
    <col min="1794" max="1794" width="5.75" style="113" customWidth="1"/>
    <col min="1795" max="1795" width="1.75" style="113" customWidth="1"/>
    <col min="1796" max="1796" width="8.875" style="113"/>
    <col min="1797" max="1797" width="5" style="113" customWidth="1"/>
    <col min="1798" max="1798" width="1.625" style="113" customWidth="1"/>
    <col min="1799" max="1799" width="3.875" style="113" customWidth="1"/>
    <col min="1800" max="1800" width="2.125" style="113" customWidth="1"/>
    <col min="1801" max="1802" width="4" style="113" customWidth="1"/>
    <col min="1803" max="1803" width="13.75" style="113" customWidth="1"/>
    <col min="1804" max="1804" width="1.5" style="113" customWidth="1"/>
    <col min="1805" max="1805" width="3.5" style="113" customWidth="1"/>
    <col min="1806" max="1806" width="1.625" style="113" customWidth="1"/>
    <col min="1807" max="1807" width="72.5" style="113" customWidth="1"/>
    <col min="1808" max="1808" width="8.375" style="113" customWidth="1"/>
    <col min="1809" max="1812" width="0" style="113" hidden="1" customWidth="1"/>
    <col min="1813" max="1823" width="8.875" style="113"/>
    <col min="1824" max="1827" width="0" style="113" hidden="1" customWidth="1"/>
    <col min="1828" max="1835" width="10" style="113" customWidth="1"/>
    <col min="1836" max="2042" width="8.875" style="113"/>
    <col min="2043" max="2043" width="7.5" style="113" customWidth="1"/>
    <col min="2044" max="2044" width="16" style="113" customWidth="1"/>
    <col min="2045" max="2045" width="12.25" style="113" customWidth="1"/>
    <col min="2046" max="2046" width="6.125" style="113" customWidth="1"/>
    <col min="2047" max="2047" width="1.75" style="113" customWidth="1"/>
    <col min="2048" max="2048" width="7.25" style="113" customWidth="1"/>
    <col min="2049" max="2049" width="4.125" style="113" customWidth="1"/>
    <col min="2050" max="2050" width="5.75" style="113" customWidth="1"/>
    <col min="2051" max="2051" width="1.75" style="113" customWidth="1"/>
    <col min="2052" max="2052" width="8.875" style="113"/>
    <col min="2053" max="2053" width="5" style="113" customWidth="1"/>
    <col min="2054" max="2054" width="1.625" style="113" customWidth="1"/>
    <col min="2055" max="2055" width="3.875" style="113" customWidth="1"/>
    <col min="2056" max="2056" width="2.125" style="113" customWidth="1"/>
    <col min="2057" max="2058" width="4" style="113" customWidth="1"/>
    <col min="2059" max="2059" width="13.75" style="113" customWidth="1"/>
    <col min="2060" max="2060" width="1.5" style="113" customWidth="1"/>
    <col min="2061" max="2061" width="3.5" style="113" customWidth="1"/>
    <col min="2062" max="2062" width="1.625" style="113" customWidth="1"/>
    <col min="2063" max="2063" width="72.5" style="113" customWidth="1"/>
    <col min="2064" max="2064" width="8.375" style="113" customWidth="1"/>
    <col min="2065" max="2068" width="0" style="113" hidden="1" customWidth="1"/>
    <col min="2069" max="2079" width="8.875" style="113"/>
    <col min="2080" max="2083" width="0" style="113" hidden="1" customWidth="1"/>
    <col min="2084" max="2091" width="10" style="113" customWidth="1"/>
    <col min="2092" max="2298" width="8.875" style="113"/>
    <col min="2299" max="2299" width="7.5" style="113" customWidth="1"/>
    <col min="2300" max="2300" width="16" style="113" customWidth="1"/>
    <col min="2301" max="2301" width="12.25" style="113" customWidth="1"/>
    <col min="2302" max="2302" width="6.125" style="113" customWidth="1"/>
    <col min="2303" max="2303" width="1.75" style="113" customWidth="1"/>
    <col min="2304" max="2304" width="7.25" style="113" customWidth="1"/>
    <col min="2305" max="2305" width="4.125" style="113" customWidth="1"/>
    <col min="2306" max="2306" width="5.75" style="113" customWidth="1"/>
    <col min="2307" max="2307" width="1.75" style="113" customWidth="1"/>
    <col min="2308" max="2308" width="8.875" style="113"/>
    <col min="2309" max="2309" width="5" style="113" customWidth="1"/>
    <col min="2310" max="2310" width="1.625" style="113" customWidth="1"/>
    <col min="2311" max="2311" width="3.875" style="113" customWidth="1"/>
    <col min="2312" max="2312" width="2.125" style="113" customWidth="1"/>
    <col min="2313" max="2314" width="4" style="113" customWidth="1"/>
    <col min="2315" max="2315" width="13.75" style="113" customWidth="1"/>
    <col min="2316" max="2316" width="1.5" style="113" customWidth="1"/>
    <col min="2317" max="2317" width="3.5" style="113" customWidth="1"/>
    <col min="2318" max="2318" width="1.625" style="113" customWidth="1"/>
    <col min="2319" max="2319" width="72.5" style="113" customWidth="1"/>
    <col min="2320" max="2320" width="8.375" style="113" customWidth="1"/>
    <col min="2321" max="2324" width="0" style="113" hidden="1" customWidth="1"/>
    <col min="2325" max="2335" width="8.875" style="113"/>
    <col min="2336" max="2339" width="0" style="113" hidden="1" customWidth="1"/>
    <col min="2340" max="2347" width="10" style="113" customWidth="1"/>
    <col min="2348" max="2554" width="8.875" style="113"/>
    <col min="2555" max="2555" width="7.5" style="113" customWidth="1"/>
    <col min="2556" max="2556" width="16" style="113" customWidth="1"/>
    <col min="2557" max="2557" width="12.25" style="113" customWidth="1"/>
    <col min="2558" max="2558" width="6.125" style="113" customWidth="1"/>
    <col min="2559" max="2559" width="1.75" style="113" customWidth="1"/>
    <col min="2560" max="2560" width="7.25" style="113" customWidth="1"/>
    <col min="2561" max="2561" width="4.125" style="113" customWidth="1"/>
    <col min="2562" max="2562" width="5.75" style="113" customWidth="1"/>
    <col min="2563" max="2563" width="1.75" style="113" customWidth="1"/>
    <col min="2564" max="2564" width="8.875" style="113"/>
    <col min="2565" max="2565" width="5" style="113" customWidth="1"/>
    <col min="2566" max="2566" width="1.625" style="113" customWidth="1"/>
    <col min="2567" max="2567" width="3.875" style="113" customWidth="1"/>
    <col min="2568" max="2568" width="2.125" style="113" customWidth="1"/>
    <col min="2569" max="2570" width="4" style="113" customWidth="1"/>
    <col min="2571" max="2571" width="13.75" style="113" customWidth="1"/>
    <col min="2572" max="2572" width="1.5" style="113" customWidth="1"/>
    <col min="2573" max="2573" width="3.5" style="113" customWidth="1"/>
    <col min="2574" max="2574" width="1.625" style="113" customWidth="1"/>
    <col min="2575" max="2575" width="72.5" style="113" customWidth="1"/>
    <col min="2576" max="2576" width="8.375" style="113" customWidth="1"/>
    <col min="2577" max="2580" width="0" style="113" hidden="1" customWidth="1"/>
    <col min="2581" max="2591" width="8.875" style="113"/>
    <col min="2592" max="2595" width="0" style="113" hidden="1" customWidth="1"/>
    <col min="2596" max="2603" width="10" style="113" customWidth="1"/>
    <col min="2604" max="2810" width="8.875" style="113"/>
    <col min="2811" max="2811" width="7.5" style="113" customWidth="1"/>
    <col min="2812" max="2812" width="16" style="113" customWidth="1"/>
    <col min="2813" max="2813" width="12.25" style="113" customWidth="1"/>
    <col min="2814" max="2814" width="6.125" style="113" customWidth="1"/>
    <col min="2815" max="2815" width="1.75" style="113" customWidth="1"/>
    <col min="2816" max="2816" width="7.25" style="113" customWidth="1"/>
    <col min="2817" max="2817" width="4.125" style="113" customWidth="1"/>
    <col min="2818" max="2818" width="5.75" style="113" customWidth="1"/>
    <col min="2819" max="2819" width="1.75" style="113" customWidth="1"/>
    <col min="2820" max="2820" width="8.875" style="113"/>
    <col min="2821" max="2821" width="5" style="113" customWidth="1"/>
    <col min="2822" max="2822" width="1.625" style="113" customWidth="1"/>
    <col min="2823" max="2823" width="3.875" style="113" customWidth="1"/>
    <col min="2824" max="2824" width="2.125" style="113" customWidth="1"/>
    <col min="2825" max="2826" width="4" style="113" customWidth="1"/>
    <col min="2827" max="2827" width="13.75" style="113" customWidth="1"/>
    <col min="2828" max="2828" width="1.5" style="113" customWidth="1"/>
    <col min="2829" max="2829" width="3.5" style="113" customWidth="1"/>
    <col min="2830" max="2830" width="1.625" style="113" customWidth="1"/>
    <col min="2831" max="2831" width="72.5" style="113" customWidth="1"/>
    <col min="2832" max="2832" width="8.375" style="113" customWidth="1"/>
    <col min="2833" max="2836" width="0" style="113" hidden="1" customWidth="1"/>
    <col min="2837" max="2847" width="8.875" style="113"/>
    <col min="2848" max="2851" width="0" style="113" hidden="1" customWidth="1"/>
    <col min="2852" max="2859" width="10" style="113" customWidth="1"/>
    <col min="2860" max="3066" width="8.875" style="113"/>
    <col min="3067" max="3067" width="7.5" style="113" customWidth="1"/>
    <col min="3068" max="3068" width="16" style="113" customWidth="1"/>
    <col min="3069" max="3069" width="12.25" style="113" customWidth="1"/>
    <col min="3070" max="3070" width="6.125" style="113" customWidth="1"/>
    <col min="3071" max="3071" width="1.75" style="113" customWidth="1"/>
    <col min="3072" max="3072" width="7.25" style="113" customWidth="1"/>
    <col min="3073" max="3073" width="4.125" style="113" customWidth="1"/>
    <col min="3074" max="3074" width="5.75" style="113" customWidth="1"/>
    <col min="3075" max="3075" width="1.75" style="113" customWidth="1"/>
    <col min="3076" max="3076" width="8.875" style="113"/>
    <col min="3077" max="3077" width="5" style="113" customWidth="1"/>
    <col min="3078" max="3078" width="1.625" style="113" customWidth="1"/>
    <col min="3079" max="3079" width="3.875" style="113" customWidth="1"/>
    <col min="3080" max="3080" width="2.125" style="113" customWidth="1"/>
    <col min="3081" max="3082" width="4" style="113" customWidth="1"/>
    <col min="3083" max="3083" width="13.75" style="113" customWidth="1"/>
    <col min="3084" max="3084" width="1.5" style="113" customWidth="1"/>
    <col min="3085" max="3085" width="3.5" style="113" customWidth="1"/>
    <col min="3086" max="3086" width="1.625" style="113" customWidth="1"/>
    <col min="3087" max="3087" width="72.5" style="113" customWidth="1"/>
    <col min="3088" max="3088" width="8.375" style="113" customWidth="1"/>
    <col min="3089" max="3092" width="0" style="113" hidden="1" customWidth="1"/>
    <col min="3093" max="3103" width="8.875" style="113"/>
    <col min="3104" max="3107" width="0" style="113" hidden="1" customWidth="1"/>
    <col min="3108" max="3115" width="10" style="113" customWidth="1"/>
    <col min="3116" max="3322" width="8.875" style="113"/>
    <col min="3323" max="3323" width="7.5" style="113" customWidth="1"/>
    <col min="3324" max="3324" width="16" style="113" customWidth="1"/>
    <col min="3325" max="3325" width="12.25" style="113" customWidth="1"/>
    <col min="3326" max="3326" width="6.125" style="113" customWidth="1"/>
    <col min="3327" max="3327" width="1.75" style="113" customWidth="1"/>
    <col min="3328" max="3328" width="7.25" style="113" customWidth="1"/>
    <col min="3329" max="3329" width="4.125" style="113" customWidth="1"/>
    <col min="3330" max="3330" width="5.75" style="113" customWidth="1"/>
    <col min="3331" max="3331" width="1.75" style="113" customWidth="1"/>
    <col min="3332" max="3332" width="8.875" style="113"/>
    <col min="3333" max="3333" width="5" style="113" customWidth="1"/>
    <col min="3334" max="3334" width="1.625" style="113" customWidth="1"/>
    <col min="3335" max="3335" width="3.875" style="113" customWidth="1"/>
    <col min="3336" max="3336" width="2.125" style="113" customWidth="1"/>
    <col min="3337" max="3338" width="4" style="113" customWidth="1"/>
    <col min="3339" max="3339" width="13.75" style="113" customWidth="1"/>
    <col min="3340" max="3340" width="1.5" style="113" customWidth="1"/>
    <col min="3341" max="3341" width="3.5" style="113" customWidth="1"/>
    <col min="3342" max="3342" width="1.625" style="113" customWidth="1"/>
    <col min="3343" max="3343" width="72.5" style="113" customWidth="1"/>
    <col min="3344" max="3344" width="8.375" style="113" customWidth="1"/>
    <col min="3345" max="3348" width="0" style="113" hidden="1" customWidth="1"/>
    <col min="3349" max="3359" width="8.875" style="113"/>
    <col min="3360" max="3363" width="0" style="113" hidden="1" customWidth="1"/>
    <col min="3364" max="3371" width="10" style="113" customWidth="1"/>
    <col min="3372" max="3578" width="8.875" style="113"/>
    <col min="3579" max="3579" width="7.5" style="113" customWidth="1"/>
    <col min="3580" max="3580" width="16" style="113" customWidth="1"/>
    <col min="3581" max="3581" width="12.25" style="113" customWidth="1"/>
    <col min="3582" max="3582" width="6.125" style="113" customWidth="1"/>
    <col min="3583" max="3583" width="1.75" style="113" customWidth="1"/>
    <col min="3584" max="3584" width="7.25" style="113" customWidth="1"/>
    <col min="3585" max="3585" width="4.125" style="113" customWidth="1"/>
    <col min="3586" max="3586" width="5.75" style="113" customWidth="1"/>
    <col min="3587" max="3587" width="1.75" style="113" customWidth="1"/>
    <col min="3588" max="3588" width="8.875" style="113"/>
    <col min="3589" max="3589" width="5" style="113" customWidth="1"/>
    <col min="3590" max="3590" width="1.625" style="113" customWidth="1"/>
    <col min="3591" max="3591" width="3.875" style="113" customWidth="1"/>
    <col min="3592" max="3592" width="2.125" style="113" customWidth="1"/>
    <col min="3593" max="3594" width="4" style="113" customWidth="1"/>
    <col min="3595" max="3595" width="13.75" style="113" customWidth="1"/>
    <col min="3596" max="3596" width="1.5" style="113" customWidth="1"/>
    <col min="3597" max="3597" width="3.5" style="113" customWidth="1"/>
    <col min="3598" max="3598" width="1.625" style="113" customWidth="1"/>
    <col min="3599" max="3599" width="72.5" style="113" customWidth="1"/>
    <col min="3600" max="3600" width="8.375" style="113" customWidth="1"/>
    <col min="3601" max="3604" width="0" style="113" hidden="1" customWidth="1"/>
    <col min="3605" max="3615" width="8.875" style="113"/>
    <col min="3616" max="3619" width="0" style="113" hidden="1" customWidth="1"/>
    <col min="3620" max="3627" width="10" style="113" customWidth="1"/>
    <col min="3628" max="3834" width="8.875" style="113"/>
    <col min="3835" max="3835" width="7.5" style="113" customWidth="1"/>
    <col min="3836" max="3836" width="16" style="113" customWidth="1"/>
    <col min="3837" max="3837" width="12.25" style="113" customWidth="1"/>
    <col min="3838" max="3838" width="6.125" style="113" customWidth="1"/>
    <col min="3839" max="3839" width="1.75" style="113" customWidth="1"/>
    <col min="3840" max="3840" width="7.25" style="113" customWidth="1"/>
    <col min="3841" max="3841" width="4.125" style="113" customWidth="1"/>
    <col min="3842" max="3842" width="5.75" style="113" customWidth="1"/>
    <col min="3843" max="3843" width="1.75" style="113" customWidth="1"/>
    <col min="3844" max="3844" width="8.875" style="113"/>
    <col min="3845" max="3845" width="5" style="113" customWidth="1"/>
    <col min="3846" max="3846" width="1.625" style="113" customWidth="1"/>
    <col min="3847" max="3847" width="3.875" style="113" customWidth="1"/>
    <col min="3848" max="3848" width="2.125" style="113" customWidth="1"/>
    <col min="3849" max="3850" width="4" style="113" customWidth="1"/>
    <col min="3851" max="3851" width="13.75" style="113" customWidth="1"/>
    <col min="3852" max="3852" width="1.5" style="113" customWidth="1"/>
    <col min="3853" max="3853" width="3.5" style="113" customWidth="1"/>
    <col min="3854" max="3854" width="1.625" style="113" customWidth="1"/>
    <col min="3855" max="3855" width="72.5" style="113" customWidth="1"/>
    <col min="3856" max="3856" width="8.375" style="113" customWidth="1"/>
    <col min="3857" max="3860" width="0" style="113" hidden="1" customWidth="1"/>
    <col min="3861" max="3871" width="8.875" style="113"/>
    <col min="3872" max="3875" width="0" style="113" hidden="1" customWidth="1"/>
    <col min="3876" max="3883" width="10" style="113" customWidth="1"/>
    <col min="3884" max="4090" width="8.875" style="113"/>
    <col min="4091" max="4091" width="7.5" style="113" customWidth="1"/>
    <col min="4092" max="4092" width="16" style="113" customWidth="1"/>
    <col min="4093" max="4093" width="12.25" style="113" customWidth="1"/>
    <col min="4094" max="4094" width="6.125" style="113" customWidth="1"/>
    <col min="4095" max="4095" width="1.75" style="113" customWidth="1"/>
    <col min="4096" max="4096" width="7.25" style="113" customWidth="1"/>
    <col min="4097" max="4097" width="4.125" style="113" customWidth="1"/>
    <col min="4098" max="4098" width="5.75" style="113" customWidth="1"/>
    <col min="4099" max="4099" width="1.75" style="113" customWidth="1"/>
    <col min="4100" max="4100" width="8.875" style="113"/>
    <col min="4101" max="4101" width="5" style="113" customWidth="1"/>
    <col min="4102" max="4102" width="1.625" style="113" customWidth="1"/>
    <col min="4103" max="4103" width="3.875" style="113" customWidth="1"/>
    <col min="4104" max="4104" width="2.125" style="113" customWidth="1"/>
    <col min="4105" max="4106" width="4" style="113" customWidth="1"/>
    <col min="4107" max="4107" width="13.75" style="113" customWidth="1"/>
    <col min="4108" max="4108" width="1.5" style="113" customWidth="1"/>
    <col min="4109" max="4109" width="3.5" style="113" customWidth="1"/>
    <col min="4110" max="4110" width="1.625" style="113" customWidth="1"/>
    <col min="4111" max="4111" width="72.5" style="113" customWidth="1"/>
    <col min="4112" max="4112" width="8.375" style="113" customWidth="1"/>
    <col min="4113" max="4116" width="0" style="113" hidden="1" customWidth="1"/>
    <col min="4117" max="4127" width="8.875" style="113"/>
    <col min="4128" max="4131" width="0" style="113" hidden="1" customWidth="1"/>
    <col min="4132" max="4139" width="10" style="113" customWidth="1"/>
    <col min="4140" max="4346" width="8.875" style="113"/>
    <col min="4347" max="4347" width="7.5" style="113" customWidth="1"/>
    <col min="4348" max="4348" width="16" style="113" customWidth="1"/>
    <col min="4349" max="4349" width="12.25" style="113" customWidth="1"/>
    <col min="4350" max="4350" width="6.125" style="113" customWidth="1"/>
    <col min="4351" max="4351" width="1.75" style="113" customWidth="1"/>
    <col min="4352" max="4352" width="7.25" style="113" customWidth="1"/>
    <col min="4353" max="4353" width="4.125" style="113" customWidth="1"/>
    <col min="4354" max="4354" width="5.75" style="113" customWidth="1"/>
    <col min="4355" max="4355" width="1.75" style="113" customWidth="1"/>
    <col min="4356" max="4356" width="8.875" style="113"/>
    <col min="4357" max="4357" width="5" style="113" customWidth="1"/>
    <col min="4358" max="4358" width="1.625" style="113" customWidth="1"/>
    <col min="4359" max="4359" width="3.875" style="113" customWidth="1"/>
    <col min="4360" max="4360" width="2.125" style="113" customWidth="1"/>
    <col min="4361" max="4362" width="4" style="113" customWidth="1"/>
    <col min="4363" max="4363" width="13.75" style="113" customWidth="1"/>
    <col min="4364" max="4364" width="1.5" style="113" customWidth="1"/>
    <col min="4365" max="4365" width="3.5" style="113" customWidth="1"/>
    <col min="4366" max="4366" width="1.625" style="113" customWidth="1"/>
    <col min="4367" max="4367" width="72.5" style="113" customWidth="1"/>
    <col min="4368" max="4368" width="8.375" style="113" customWidth="1"/>
    <col min="4369" max="4372" width="0" style="113" hidden="1" customWidth="1"/>
    <col min="4373" max="4383" width="8.875" style="113"/>
    <col min="4384" max="4387" width="0" style="113" hidden="1" customWidth="1"/>
    <col min="4388" max="4395" width="10" style="113" customWidth="1"/>
    <col min="4396" max="4602" width="8.875" style="113"/>
    <col min="4603" max="4603" width="7.5" style="113" customWidth="1"/>
    <col min="4604" max="4604" width="16" style="113" customWidth="1"/>
    <col min="4605" max="4605" width="12.25" style="113" customWidth="1"/>
    <col min="4606" max="4606" width="6.125" style="113" customWidth="1"/>
    <col min="4607" max="4607" width="1.75" style="113" customWidth="1"/>
    <col min="4608" max="4608" width="7.25" style="113" customWidth="1"/>
    <col min="4609" max="4609" width="4.125" style="113" customWidth="1"/>
    <col min="4610" max="4610" width="5.75" style="113" customWidth="1"/>
    <col min="4611" max="4611" width="1.75" style="113" customWidth="1"/>
    <col min="4612" max="4612" width="8.875" style="113"/>
    <col min="4613" max="4613" width="5" style="113" customWidth="1"/>
    <col min="4614" max="4614" width="1.625" style="113" customWidth="1"/>
    <col min="4615" max="4615" width="3.875" style="113" customWidth="1"/>
    <col min="4616" max="4616" width="2.125" style="113" customWidth="1"/>
    <col min="4617" max="4618" width="4" style="113" customWidth="1"/>
    <col min="4619" max="4619" width="13.75" style="113" customWidth="1"/>
    <col min="4620" max="4620" width="1.5" style="113" customWidth="1"/>
    <col min="4621" max="4621" width="3.5" style="113" customWidth="1"/>
    <col min="4622" max="4622" width="1.625" style="113" customWidth="1"/>
    <col min="4623" max="4623" width="72.5" style="113" customWidth="1"/>
    <col min="4624" max="4624" width="8.375" style="113" customWidth="1"/>
    <col min="4625" max="4628" width="0" style="113" hidden="1" customWidth="1"/>
    <col min="4629" max="4639" width="8.875" style="113"/>
    <col min="4640" max="4643" width="0" style="113" hidden="1" customWidth="1"/>
    <col min="4644" max="4651" width="10" style="113" customWidth="1"/>
    <col min="4652" max="4858" width="8.875" style="113"/>
    <col min="4859" max="4859" width="7.5" style="113" customWidth="1"/>
    <col min="4860" max="4860" width="16" style="113" customWidth="1"/>
    <col min="4861" max="4861" width="12.25" style="113" customWidth="1"/>
    <col min="4862" max="4862" width="6.125" style="113" customWidth="1"/>
    <col min="4863" max="4863" width="1.75" style="113" customWidth="1"/>
    <col min="4864" max="4864" width="7.25" style="113" customWidth="1"/>
    <col min="4865" max="4865" width="4.125" style="113" customWidth="1"/>
    <col min="4866" max="4866" width="5.75" style="113" customWidth="1"/>
    <col min="4867" max="4867" width="1.75" style="113" customWidth="1"/>
    <col min="4868" max="4868" width="8.875" style="113"/>
    <col min="4869" max="4869" width="5" style="113" customWidth="1"/>
    <col min="4870" max="4870" width="1.625" style="113" customWidth="1"/>
    <col min="4871" max="4871" width="3.875" style="113" customWidth="1"/>
    <col min="4872" max="4872" width="2.125" style="113" customWidth="1"/>
    <col min="4873" max="4874" width="4" style="113" customWidth="1"/>
    <col min="4875" max="4875" width="13.75" style="113" customWidth="1"/>
    <col min="4876" max="4876" width="1.5" style="113" customWidth="1"/>
    <col min="4877" max="4877" width="3.5" style="113" customWidth="1"/>
    <col min="4878" max="4878" width="1.625" style="113" customWidth="1"/>
    <col min="4879" max="4879" width="72.5" style="113" customWidth="1"/>
    <col min="4880" max="4880" width="8.375" style="113" customWidth="1"/>
    <col min="4881" max="4884" width="0" style="113" hidden="1" customWidth="1"/>
    <col min="4885" max="4895" width="8.875" style="113"/>
    <col min="4896" max="4899" width="0" style="113" hidden="1" customWidth="1"/>
    <col min="4900" max="4907" width="10" style="113" customWidth="1"/>
    <col min="4908" max="5114" width="8.875" style="113"/>
    <col min="5115" max="5115" width="7.5" style="113" customWidth="1"/>
    <col min="5116" max="5116" width="16" style="113" customWidth="1"/>
    <col min="5117" max="5117" width="12.25" style="113" customWidth="1"/>
    <col min="5118" max="5118" width="6.125" style="113" customWidth="1"/>
    <col min="5119" max="5119" width="1.75" style="113" customWidth="1"/>
    <col min="5120" max="5120" width="7.25" style="113" customWidth="1"/>
    <col min="5121" max="5121" width="4.125" style="113" customWidth="1"/>
    <col min="5122" max="5122" width="5.75" style="113" customWidth="1"/>
    <col min="5123" max="5123" width="1.75" style="113" customWidth="1"/>
    <col min="5124" max="5124" width="8.875" style="113"/>
    <col min="5125" max="5125" width="5" style="113" customWidth="1"/>
    <col min="5126" max="5126" width="1.625" style="113" customWidth="1"/>
    <col min="5127" max="5127" width="3.875" style="113" customWidth="1"/>
    <col min="5128" max="5128" width="2.125" style="113" customWidth="1"/>
    <col min="5129" max="5130" width="4" style="113" customWidth="1"/>
    <col min="5131" max="5131" width="13.75" style="113" customWidth="1"/>
    <col min="5132" max="5132" width="1.5" style="113" customWidth="1"/>
    <col min="5133" max="5133" width="3.5" style="113" customWidth="1"/>
    <col min="5134" max="5134" width="1.625" style="113" customWidth="1"/>
    <col min="5135" max="5135" width="72.5" style="113" customWidth="1"/>
    <col min="5136" max="5136" width="8.375" style="113" customWidth="1"/>
    <col min="5137" max="5140" width="0" style="113" hidden="1" customWidth="1"/>
    <col min="5141" max="5151" width="8.875" style="113"/>
    <col min="5152" max="5155" width="0" style="113" hidden="1" customWidth="1"/>
    <col min="5156" max="5163" width="10" style="113" customWidth="1"/>
    <col min="5164" max="5370" width="8.875" style="113"/>
    <col min="5371" max="5371" width="7.5" style="113" customWidth="1"/>
    <col min="5372" max="5372" width="16" style="113" customWidth="1"/>
    <col min="5373" max="5373" width="12.25" style="113" customWidth="1"/>
    <col min="5374" max="5374" width="6.125" style="113" customWidth="1"/>
    <col min="5375" max="5375" width="1.75" style="113" customWidth="1"/>
    <col min="5376" max="5376" width="7.25" style="113" customWidth="1"/>
    <col min="5377" max="5377" width="4.125" style="113" customWidth="1"/>
    <col min="5378" max="5378" width="5.75" style="113" customWidth="1"/>
    <col min="5379" max="5379" width="1.75" style="113" customWidth="1"/>
    <col min="5380" max="5380" width="8.875" style="113"/>
    <col min="5381" max="5381" width="5" style="113" customWidth="1"/>
    <col min="5382" max="5382" width="1.625" style="113" customWidth="1"/>
    <col min="5383" max="5383" width="3.875" style="113" customWidth="1"/>
    <col min="5384" max="5384" width="2.125" style="113" customWidth="1"/>
    <col min="5385" max="5386" width="4" style="113" customWidth="1"/>
    <col min="5387" max="5387" width="13.75" style="113" customWidth="1"/>
    <col min="5388" max="5388" width="1.5" style="113" customWidth="1"/>
    <col min="5389" max="5389" width="3.5" style="113" customWidth="1"/>
    <col min="5390" max="5390" width="1.625" style="113" customWidth="1"/>
    <col min="5391" max="5391" width="72.5" style="113" customWidth="1"/>
    <col min="5392" max="5392" width="8.375" style="113" customWidth="1"/>
    <col min="5393" max="5396" width="0" style="113" hidden="1" customWidth="1"/>
    <col min="5397" max="5407" width="8.875" style="113"/>
    <col min="5408" max="5411" width="0" style="113" hidden="1" customWidth="1"/>
    <col min="5412" max="5419" width="10" style="113" customWidth="1"/>
    <col min="5420" max="5626" width="8.875" style="113"/>
    <col min="5627" max="5627" width="7.5" style="113" customWidth="1"/>
    <col min="5628" max="5628" width="16" style="113" customWidth="1"/>
    <col min="5629" max="5629" width="12.25" style="113" customWidth="1"/>
    <col min="5630" max="5630" width="6.125" style="113" customWidth="1"/>
    <col min="5631" max="5631" width="1.75" style="113" customWidth="1"/>
    <col min="5632" max="5632" width="7.25" style="113" customWidth="1"/>
    <col min="5633" max="5633" width="4.125" style="113" customWidth="1"/>
    <col min="5634" max="5634" width="5.75" style="113" customWidth="1"/>
    <col min="5635" max="5635" width="1.75" style="113" customWidth="1"/>
    <col min="5636" max="5636" width="8.875" style="113"/>
    <col min="5637" max="5637" width="5" style="113" customWidth="1"/>
    <col min="5638" max="5638" width="1.625" style="113" customWidth="1"/>
    <col min="5639" max="5639" width="3.875" style="113" customWidth="1"/>
    <col min="5640" max="5640" width="2.125" style="113" customWidth="1"/>
    <col min="5641" max="5642" width="4" style="113" customWidth="1"/>
    <col min="5643" max="5643" width="13.75" style="113" customWidth="1"/>
    <col min="5644" max="5644" width="1.5" style="113" customWidth="1"/>
    <col min="5645" max="5645" width="3.5" style="113" customWidth="1"/>
    <col min="5646" max="5646" width="1.625" style="113" customWidth="1"/>
    <col min="5647" max="5647" width="72.5" style="113" customWidth="1"/>
    <col min="5648" max="5648" width="8.375" style="113" customWidth="1"/>
    <col min="5649" max="5652" width="0" style="113" hidden="1" customWidth="1"/>
    <col min="5653" max="5663" width="8.875" style="113"/>
    <col min="5664" max="5667" width="0" style="113" hidden="1" customWidth="1"/>
    <col min="5668" max="5675" width="10" style="113" customWidth="1"/>
    <col min="5676" max="5882" width="8.875" style="113"/>
    <col min="5883" max="5883" width="7.5" style="113" customWidth="1"/>
    <col min="5884" max="5884" width="16" style="113" customWidth="1"/>
    <col min="5885" max="5885" width="12.25" style="113" customWidth="1"/>
    <col min="5886" max="5886" width="6.125" style="113" customWidth="1"/>
    <col min="5887" max="5887" width="1.75" style="113" customWidth="1"/>
    <col min="5888" max="5888" width="7.25" style="113" customWidth="1"/>
    <col min="5889" max="5889" width="4.125" style="113" customWidth="1"/>
    <col min="5890" max="5890" width="5.75" style="113" customWidth="1"/>
    <col min="5891" max="5891" width="1.75" style="113" customWidth="1"/>
    <col min="5892" max="5892" width="8.875" style="113"/>
    <col min="5893" max="5893" width="5" style="113" customWidth="1"/>
    <col min="5894" max="5894" width="1.625" style="113" customWidth="1"/>
    <col min="5895" max="5895" width="3.875" style="113" customWidth="1"/>
    <col min="5896" max="5896" width="2.125" style="113" customWidth="1"/>
    <col min="5897" max="5898" width="4" style="113" customWidth="1"/>
    <col min="5899" max="5899" width="13.75" style="113" customWidth="1"/>
    <col min="5900" max="5900" width="1.5" style="113" customWidth="1"/>
    <col min="5901" max="5901" width="3.5" style="113" customWidth="1"/>
    <col min="5902" max="5902" width="1.625" style="113" customWidth="1"/>
    <col min="5903" max="5903" width="72.5" style="113" customWidth="1"/>
    <col min="5904" max="5904" width="8.375" style="113" customWidth="1"/>
    <col min="5905" max="5908" width="0" style="113" hidden="1" customWidth="1"/>
    <col min="5909" max="5919" width="8.875" style="113"/>
    <col min="5920" max="5923" width="0" style="113" hidden="1" customWidth="1"/>
    <col min="5924" max="5931" width="10" style="113" customWidth="1"/>
    <col min="5932" max="6138" width="8.875" style="113"/>
    <col min="6139" max="6139" width="7.5" style="113" customWidth="1"/>
    <col min="6140" max="6140" width="16" style="113" customWidth="1"/>
    <col min="6141" max="6141" width="12.25" style="113" customWidth="1"/>
    <col min="6142" max="6142" width="6.125" style="113" customWidth="1"/>
    <col min="6143" max="6143" width="1.75" style="113" customWidth="1"/>
    <col min="6144" max="6144" width="7.25" style="113" customWidth="1"/>
    <col min="6145" max="6145" width="4.125" style="113" customWidth="1"/>
    <col min="6146" max="6146" width="5.75" style="113" customWidth="1"/>
    <col min="6147" max="6147" width="1.75" style="113" customWidth="1"/>
    <col min="6148" max="6148" width="8.875" style="113"/>
    <col min="6149" max="6149" width="5" style="113" customWidth="1"/>
    <col min="6150" max="6150" width="1.625" style="113" customWidth="1"/>
    <col min="6151" max="6151" width="3.875" style="113" customWidth="1"/>
    <col min="6152" max="6152" width="2.125" style="113" customWidth="1"/>
    <col min="6153" max="6154" width="4" style="113" customWidth="1"/>
    <col min="6155" max="6155" width="13.75" style="113" customWidth="1"/>
    <col min="6156" max="6156" width="1.5" style="113" customWidth="1"/>
    <col min="6157" max="6157" width="3.5" style="113" customWidth="1"/>
    <col min="6158" max="6158" width="1.625" style="113" customWidth="1"/>
    <col min="6159" max="6159" width="72.5" style="113" customWidth="1"/>
    <col min="6160" max="6160" width="8.375" style="113" customWidth="1"/>
    <col min="6161" max="6164" width="0" style="113" hidden="1" customWidth="1"/>
    <col min="6165" max="6175" width="8.875" style="113"/>
    <col min="6176" max="6179" width="0" style="113" hidden="1" customWidth="1"/>
    <col min="6180" max="6187" width="10" style="113" customWidth="1"/>
    <col min="6188" max="6394" width="8.875" style="113"/>
    <col min="6395" max="6395" width="7.5" style="113" customWidth="1"/>
    <col min="6396" max="6396" width="16" style="113" customWidth="1"/>
    <col min="6397" max="6397" width="12.25" style="113" customWidth="1"/>
    <col min="6398" max="6398" width="6.125" style="113" customWidth="1"/>
    <col min="6399" max="6399" width="1.75" style="113" customWidth="1"/>
    <col min="6400" max="6400" width="7.25" style="113" customWidth="1"/>
    <col min="6401" max="6401" width="4.125" style="113" customWidth="1"/>
    <col min="6402" max="6402" width="5.75" style="113" customWidth="1"/>
    <col min="6403" max="6403" width="1.75" style="113" customWidth="1"/>
    <col min="6404" max="6404" width="8.875" style="113"/>
    <col min="6405" max="6405" width="5" style="113" customWidth="1"/>
    <col min="6406" max="6406" width="1.625" style="113" customWidth="1"/>
    <col min="6407" max="6407" width="3.875" style="113" customWidth="1"/>
    <col min="6408" max="6408" width="2.125" style="113" customWidth="1"/>
    <col min="6409" max="6410" width="4" style="113" customWidth="1"/>
    <col min="6411" max="6411" width="13.75" style="113" customWidth="1"/>
    <col min="6412" max="6412" width="1.5" style="113" customWidth="1"/>
    <col min="6413" max="6413" width="3.5" style="113" customWidth="1"/>
    <col min="6414" max="6414" width="1.625" style="113" customWidth="1"/>
    <col min="6415" max="6415" width="72.5" style="113" customWidth="1"/>
    <col min="6416" max="6416" width="8.375" style="113" customWidth="1"/>
    <col min="6417" max="6420" width="0" style="113" hidden="1" customWidth="1"/>
    <col min="6421" max="6431" width="8.875" style="113"/>
    <col min="6432" max="6435" width="0" style="113" hidden="1" customWidth="1"/>
    <col min="6436" max="6443" width="10" style="113" customWidth="1"/>
    <col min="6444" max="6650" width="8.875" style="113"/>
    <col min="6651" max="6651" width="7.5" style="113" customWidth="1"/>
    <col min="6652" max="6652" width="16" style="113" customWidth="1"/>
    <col min="6653" max="6653" width="12.25" style="113" customWidth="1"/>
    <col min="6654" max="6654" width="6.125" style="113" customWidth="1"/>
    <col min="6655" max="6655" width="1.75" style="113" customWidth="1"/>
    <col min="6656" max="6656" width="7.25" style="113" customWidth="1"/>
    <col min="6657" max="6657" width="4.125" style="113" customWidth="1"/>
    <col min="6658" max="6658" width="5.75" style="113" customWidth="1"/>
    <col min="6659" max="6659" width="1.75" style="113" customWidth="1"/>
    <col min="6660" max="6660" width="8.875" style="113"/>
    <col min="6661" max="6661" width="5" style="113" customWidth="1"/>
    <col min="6662" max="6662" width="1.625" style="113" customWidth="1"/>
    <col min="6663" max="6663" width="3.875" style="113" customWidth="1"/>
    <col min="6664" max="6664" width="2.125" style="113" customWidth="1"/>
    <col min="6665" max="6666" width="4" style="113" customWidth="1"/>
    <col min="6667" max="6667" width="13.75" style="113" customWidth="1"/>
    <col min="6668" max="6668" width="1.5" style="113" customWidth="1"/>
    <col min="6669" max="6669" width="3.5" style="113" customWidth="1"/>
    <col min="6670" max="6670" width="1.625" style="113" customWidth="1"/>
    <col min="6671" max="6671" width="72.5" style="113" customWidth="1"/>
    <col min="6672" max="6672" width="8.375" style="113" customWidth="1"/>
    <col min="6673" max="6676" width="0" style="113" hidden="1" customWidth="1"/>
    <col min="6677" max="6687" width="8.875" style="113"/>
    <col min="6688" max="6691" width="0" style="113" hidden="1" customWidth="1"/>
    <col min="6692" max="6699" width="10" style="113" customWidth="1"/>
    <col min="6700" max="6906" width="8.875" style="113"/>
    <col min="6907" max="6907" width="7.5" style="113" customWidth="1"/>
    <col min="6908" max="6908" width="16" style="113" customWidth="1"/>
    <col min="6909" max="6909" width="12.25" style="113" customWidth="1"/>
    <col min="6910" max="6910" width="6.125" style="113" customWidth="1"/>
    <col min="6911" max="6911" width="1.75" style="113" customWidth="1"/>
    <col min="6912" max="6912" width="7.25" style="113" customWidth="1"/>
    <col min="6913" max="6913" width="4.125" style="113" customWidth="1"/>
    <col min="6914" max="6914" width="5.75" style="113" customWidth="1"/>
    <col min="6915" max="6915" width="1.75" style="113" customWidth="1"/>
    <col min="6916" max="6916" width="8.875" style="113"/>
    <col min="6917" max="6917" width="5" style="113" customWidth="1"/>
    <col min="6918" max="6918" width="1.625" style="113" customWidth="1"/>
    <col min="6919" max="6919" width="3.875" style="113" customWidth="1"/>
    <col min="6920" max="6920" width="2.125" style="113" customWidth="1"/>
    <col min="6921" max="6922" width="4" style="113" customWidth="1"/>
    <col min="6923" max="6923" width="13.75" style="113" customWidth="1"/>
    <col min="6924" max="6924" width="1.5" style="113" customWidth="1"/>
    <col min="6925" max="6925" width="3.5" style="113" customWidth="1"/>
    <col min="6926" max="6926" width="1.625" style="113" customWidth="1"/>
    <col min="6927" max="6927" width="72.5" style="113" customWidth="1"/>
    <col min="6928" max="6928" width="8.375" style="113" customWidth="1"/>
    <col min="6929" max="6932" width="0" style="113" hidden="1" customWidth="1"/>
    <col min="6933" max="6943" width="8.875" style="113"/>
    <col min="6944" max="6947" width="0" style="113" hidden="1" customWidth="1"/>
    <col min="6948" max="6955" width="10" style="113" customWidth="1"/>
    <col min="6956" max="7162" width="8.875" style="113"/>
    <col min="7163" max="7163" width="7.5" style="113" customWidth="1"/>
    <col min="7164" max="7164" width="16" style="113" customWidth="1"/>
    <col min="7165" max="7165" width="12.25" style="113" customWidth="1"/>
    <col min="7166" max="7166" width="6.125" style="113" customWidth="1"/>
    <col min="7167" max="7167" width="1.75" style="113" customWidth="1"/>
    <col min="7168" max="7168" width="7.25" style="113" customWidth="1"/>
    <col min="7169" max="7169" width="4.125" style="113" customWidth="1"/>
    <col min="7170" max="7170" width="5.75" style="113" customWidth="1"/>
    <col min="7171" max="7171" width="1.75" style="113" customWidth="1"/>
    <col min="7172" max="7172" width="8.875" style="113"/>
    <col min="7173" max="7173" width="5" style="113" customWidth="1"/>
    <col min="7174" max="7174" width="1.625" style="113" customWidth="1"/>
    <col min="7175" max="7175" width="3.875" style="113" customWidth="1"/>
    <col min="7176" max="7176" width="2.125" style="113" customWidth="1"/>
    <col min="7177" max="7178" width="4" style="113" customWidth="1"/>
    <col min="7179" max="7179" width="13.75" style="113" customWidth="1"/>
    <col min="7180" max="7180" width="1.5" style="113" customWidth="1"/>
    <col min="7181" max="7181" width="3.5" style="113" customWidth="1"/>
    <col min="7182" max="7182" width="1.625" style="113" customWidth="1"/>
    <col min="7183" max="7183" width="72.5" style="113" customWidth="1"/>
    <col min="7184" max="7184" width="8.375" style="113" customWidth="1"/>
    <col min="7185" max="7188" width="0" style="113" hidden="1" customWidth="1"/>
    <col min="7189" max="7199" width="8.875" style="113"/>
    <col min="7200" max="7203" width="0" style="113" hidden="1" customWidth="1"/>
    <col min="7204" max="7211" width="10" style="113" customWidth="1"/>
    <col min="7212" max="7418" width="8.875" style="113"/>
    <col min="7419" max="7419" width="7.5" style="113" customWidth="1"/>
    <col min="7420" max="7420" width="16" style="113" customWidth="1"/>
    <col min="7421" max="7421" width="12.25" style="113" customWidth="1"/>
    <col min="7422" max="7422" width="6.125" style="113" customWidth="1"/>
    <col min="7423" max="7423" width="1.75" style="113" customWidth="1"/>
    <col min="7424" max="7424" width="7.25" style="113" customWidth="1"/>
    <col min="7425" max="7425" width="4.125" style="113" customWidth="1"/>
    <col min="7426" max="7426" width="5.75" style="113" customWidth="1"/>
    <col min="7427" max="7427" width="1.75" style="113" customWidth="1"/>
    <col min="7428" max="7428" width="8.875" style="113"/>
    <col min="7429" max="7429" width="5" style="113" customWidth="1"/>
    <col min="7430" max="7430" width="1.625" style="113" customWidth="1"/>
    <col min="7431" max="7431" width="3.875" style="113" customWidth="1"/>
    <col min="7432" max="7432" width="2.125" style="113" customWidth="1"/>
    <col min="7433" max="7434" width="4" style="113" customWidth="1"/>
    <col min="7435" max="7435" width="13.75" style="113" customWidth="1"/>
    <col min="7436" max="7436" width="1.5" style="113" customWidth="1"/>
    <col min="7437" max="7437" width="3.5" style="113" customWidth="1"/>
    <col min="7438" max="7438" width="1.625" style="113" customWidth="1"/>
    <col min="7439" max="7439" width="72.5" style="113" customWidth="1"/>
    <col min="7440" max="7440" width="8.375" style="113" customWidth="1"/>
    <col min="7441" max="7444" width="0" style="113" hidden="1" customWidth="1"/>
    <col min="7445" max="7455" width="8.875" style="113"/>
    <col min="7456" max="7459" width="0" style="113" hidden="1" customWidth="1"/>
    <col min="7460" max="7467" width="10" style="113" customWidth="1"/>
    <col min="7468" max="7674" width="8.875" style="113"/>
    <col min="7675" max="7675" width="7.5" style="113" customWidth="1"/>
    <col min="7676" max="7676" width="16" style="113" customWidth="1"/>
    <col min="7677" max="7677" width="12.25" style="113" customWidth="1"/>
    <col min="7678" max="7678" width="6.125" style="113" customWidth="1"/>
    <col min="7679" max="7679" width="1.75" style="113" customWidth="1"/>
    <col min="7680" max="7680" width="7.25" style="113" customWidth="1"/>
    <col min="7681" max="7681" width="4.125" style="113" customWidth="1"/>
    <col min="7682" max="7682" width="5.75" style="113" customWidth="1"/>
    <col min="7683" max="7683" width="1.75" style="113" customWidth="1"/>
    <col min="7684" max="7684" width="8.875" style="113"/>
    <col min="7685" max="7685" width="5" style="113" customWidth="1"/>
    <col min="7686" max="7686" width="1.625" style="113" customWidth="1"/>
    <col min="7687" max="7687" width="3.875" style="113" customWidth="1"/>
    <col min="7688" max="7688" width="2.125" style="113" customWidth="1"/>
    <col min="7689" max="7690" width="4" style="113" customWidth="1"/>
    <col min="7691" max="7691" width="13.75" style="113" customWidth="1"/>
    <col min="7692" max="7692" width="1.5" style="113" customWidth="1"/>
    <col min="7693" max="7693" width="3.5" style="113" customWidth="1"/>
    <col min="7694" max="7694" width="1.625" style="113" customWidth="1"/>
    <col min="7695" max="7695" width="72.5" style="113" customWidth="1"/>
    <col min="7696" max="7696" width="8.375" style="113" customWidth="1"/>
    <col min="7697" max="7700" width="0" style="113" hidden="1" customWidth="1"/>
    <col min="7701" max="7711" width="8.875" style="113"/>
    <col min="7712" max="7715" width="0" style="113" hidden="1" customWidth="1"/>
    <col min="7716" max="7723" width="10" style="113" customWidth="1"/>
    <col min="7724" max="7930" width="8.875" style="113"/>
    <col min="7931" max="7931" width="7.5" style="113" customWidth="1"/>
    <col min="7932" max="7932" width="16" style="113" customWidth="1"/>
    <col min="7933" max="7933" width="12.25" style="113" customWidth="1"/>
    <col min="7934" max="7934" width="6.125" style="113" customWidth="1"/>
    <col min="7935" max="7935" width="1.75" style="113" customWidth="1"/>
    <col min="7936" max="7936" width="7.25" style="113" customWidth="1"/>
    <col min="7937" max="7937" width="4.125" style="113" customWidth="1"/>
    <col min="7938" max="7938" width="5.75" style="113" customWidth="1"/>
    <col min="7939" max="7939" width="1.75" style="113" customWidth="1"/>
    <col min="7940" max="7940" width="8.875" style="113"/>
    <col min="7941" max="7941" width="5" style="113" customWidth="1"/>
    <col min="7942" max="7942" width="1.625" style="113" customWidth="1"/>
    <col min="7943" max="7943" width="3.875" style="113" customWidth="1"/>
    <col min="7944" max="7944" width="2.125" style="113" customWidth="1"/>
    <col min="7945" max="7946" width="4" style="113" customWidth="1"/>
    <col min="7947" max="7947" width="13.75" style="113" customWidth="1"/>
    <col min="7948" max="7948" width="1.5" style="113" customWidth="1"/>
    <col min="7949" max="7949" width="3.5" style="113" customWidth="1"/>
    <col min="7950" max="7950" width="1.625" style="113" customWidth="1"/>
    <col min="7951" max="7951" width="72.5" style="113" customWidth="1"/>
    <col min="7952" max="7952" width="8.375" style="113" customWidth="1"/>
    <col min="7953" max="7956" width="0" style="113" hidden="1" customWidth="1"/>
    <col min="7957" max="7967" width="8.875" style="113"/>
    <col min="7968" max="7971" width="0" style="113" hidden="1" customWidth="1"/>
    <col min="7972" max="7979" width="10" style="113" customWidth="1"/>
    <col min="7980" max="8186" width="8.875" style="113"/>
    <col min="8187" max="8187" width="7.5" style="113" customWidth="1"/>
    <col min="8188" max="8188" width="16" style="113" customWidth="1"/>
    <col min="8189" max="8189" width="12.25" style="113" customWidth="1"/>
    <col min="8190" max="8190" width="6.125" style="113" customWidth="1"/>
    <col min="8191" max="8191" width="1.75" style="113" customWidth="1"/>
    <col min="8192" max="8192" width="7.25" style="113" customWidth="1"/>
    <col min="8193" max="8193" width="4.125" style="113" customWidth="1"/>
    <col min="8194" max="8194" width="5.75" style="113" customWidth="1"/>
    <col min="8195" max="8195" width="1.75" style="113" customWidth="1"/>
    <col min="8196" max="8196" width="8.875" style="113"/>
    <col min="8197" max="8197" width="5" style="113" customWidth="1"/>
    <col min="8198" max="8198" width="1.625" style="113" customWidth="1"/>
    <col min="8199" max="8199" width="3.875" style="113" customWidth="1"/>
    <col min="8200" max="8200" width="2.125" style="113" customWidth="1"/>
    <col min="8201" max="8202" width="4" style="113" customWidth="1"/>
    <col min="8203" max="8203" width="13.75" style="113" customWidth="1"/>
    <col min="8204" max="8204" width="1.5" style="113" customWidth="1"/>
    <col min="8205" max="8205" width="3.5" style="113" customWidth="1"/>
    <col min="8206" max="8206" width="1.625" style="113" customWidth="1"/>
    <col min="8207" max="8207" width="72.5" style="113" customWidth="1"/>
    <col min="8208" max="8208" width="8.375" style="113" customWidth="1"/>
    <col min="8209" max="8212" width="0" style="113" hidden="1" customWidth="1"/>
    <col min="8213" max="8223" width="8.875" style="113"/>
    <col min="8224" max="8227" width="0" style="113" hidden="1" customWidth="1"/>
    <col min="8228" max="8235" width="10" style="113" customWidth="1"/>
    <col min="8236" max="8442" width="8.875" style="113"/>
    <col min="8443" max="8443" width="7.5" style="113" customWidth="1"/>
    <col min="8444" max="8444" width="16" style="113" customWidth="1"/>
    <col min="8445" max="8445" width="12.25" style="113" customWidth="1"/>
    <col min="8446" max="8446" width="6.125" style="113" customWidth="1"/>
    <col min="8447" max="8447" width="1.75" style="113" customWidth="1"/>
    <col min="8448" max="8448" width="7.25" style="113" customWidth="1"/>
    <col min="8449" max="8449" width="4.125" style="113" customWidth="1"/>
    <col min="8450" max="8450" width="5.75" style="113" customWidth="1"/>
    <col min="8451" max="8451" width="1.75" style="113" customWidth="1"/>
    <col min="8452" max="8452" width="8.875" style="113"/>
    <col min="8453" max="8453" width="5" style="113" customWidth="1"/>
    <col min="8454" max="8454" width="1.625" style="113" customWidth="1"/>
    <col min="8455" max="8455" width="3.875" style="113" customWidth="1"/>
    <col min="8456" max="8456" width="2.125" style="113" customWidth="1"/>
    <col min="8457" max="8458" width="4" style="113" customWidth="1"/>
    <col min="8459" max="8459" width="13.75" style="113" customWidth="1"/>
    <col min="8460" max="8460" width="1.5" style="113" customWidth="1"/>
    <col min="8461" max="8461" width="3.5" style="113" customWidth="1"/>
    <col min="8462" max="8462" width="1.625" style="113" customWidth="1"/>
    <col min="8463" max="8463" width="72.5" style="113" customWidth="1"/>
    <col min="8464" max="8464" width="8.375" style="113" customWidth="1"/>
    <col min="8465" max="8468" width="0" style="113" hidden="1" customWidth="1"/>
    <col min="8469" max="8479" width="8.875" style="113"/>
    <col min="8480" max="8483" width="0" style="113" hidden="1" customWidth="1"/>
    <col min="8484" max="8491" width="10" style="113" customWidth="1"/>
    <col min="8492" max="8698" width="8.875" style="113"/>
    <col min="8699" max="8699" width="7.5" style="113" customWidth="1"/>
    <col min="8700" max="8700" width="16" style="113" customWidth="1"/>
    <col min="8701" max="8701" width="12.25" style="113" customWidth="1"/>
    <col min="8702" max="8702" width="6.125" style="113" customWidth="1"/>
    <col min="8703" max="8703" width="1.75" style="113" customWidth="1"/>
    <col min="8704" max="8704" width="7.25" style="113" customWidth="1"/>
    <col min="8705" max="8705" width="4.125" style="113" customWidth="1"/>
    <col min="8706" max="8706" width="5.75" style="113" customWidth="1"/>
    <col min="8707" max="8707" width="1.75" style="113" customWidth="1"/>
    <col min="8708" max="8708" width="8.875" style="113"/>
    <col min="8709" max="8709" width="5" style="113" customWidth="1"/>
    <col min="8710" max="8710" width="1.625" style="113" customWidth="1"/>
    <col min="8711" max="8711" width="3.875" style="113" customWidth="1"/>
    <col min="8712" max="8712" width="2.125" style="113" customWidth="1"/>
    <col min="8713" max="8714" width="4" style="113" customWidth="1"/>
    <col min="8715" max="8715" width="13.75" style="113" customWidth="1"/>
    <col min="8716" max="8716" width="1.5" style="113" customWidth="1"/>
    <col min="8717" max="8717" width="3.5" style="113" customWidth="1"/>
    <col min="8718" max="8718" width="1.625" style="113" customWidth="1"/>
    <col min="8719" max="8719" width="72.5" style="113" customWidth="1"/>
    <col min="8720" max="8720" width="8.375" style="113" customWidth="1"/>
    <col min="8721" max="8724" width="0" style="113" hidden="1" customWidth="1"/>
    <col min="8725" max="8735" width="8.875" style="113"/>
    <col min="8736" max="8739" width="0" style="113" hidden="1" customWidth="1"/>
    <col min="8740" max="8747" width="10" style="113" customWidth="1"/>
    <col min="8748" max="8954" width="8.875" style="113"/>
    <col min="8955" max="8955" width="7.5" style="113" customWidth="1"/>
    <col min="8956" max="8956" width="16" style="113" customWidth="1"/>
    <col min="8957" max="8957" width="12.25" style="113" customWidth="1"/>
    <col min="8958" max="8958" width="6.125" style="113" customWidth="1"/>
    <col min="8959" max="8959" width="1.75" style="113" customWidth="1"/>
    <col min="8960" max="8960" width="7.25" style="113" customWidth="1"/>
    <col min="8961" max="8961" width="4.125" style="113" customWidth="1"/>
    <col min="8962" max="8962" width="5.75" style="113" customWidth="1"/>
    <col min="8963" max="8963" width="1.75" style="113" customWidth="1"/>
    <col min="8964" max="8964" width="8.875" style="113"/>
    <col min="8965" max="8965" width="5" style="113" customWidth="1"/>
    <col min="8966" max="8966" width="1.625" style="113" customWidth="1"/>
    <col min="8967" max="8967" width="3.875" style="113" customWidth="1"/>
    <col min="8968" max="8968" width="2.125" style="113" customWidth="1"/>
    <col min="8969" max="8970" width="4" style="113" customWidth="1"/>
    <col min="8971" max="8971" width="13.75" style="113" customWidth="1"/>
    <col min="8972" max="8972" width="1.5" style="113" customWidth="1"/>
    <col min="8973" max="8973" width="3.5" style="113" customWidth="1"/>
    <col min="8974" max="8974" width="1.625" style="113" customWidth="1"/>
    <col min="8975" max="8975" width="72.5" style="113" customWidth="1"/>
    <col min="8976" max="8976" width="8.375" style="113" customWidth="1"/>
    <col min="8977" max="8980" width="0" style="113" hidden="1" customWidth="1"/>
    <col min="8981" max="8991" width="8.875" style="113"/>
    <col min="8992" max="8995" width="0" style="113" hidden="1" customWidth="1"/>
    <col min="8996" max="9003" width="10" style="113" customWidth="1"/>
    <col min="9004" max="9210" width="8.875" style="113"/>
    <col min="9211" max="9211" width="7.5" style="113" customWidth="1"/>
    <col min="9212" max="9212" width="16" style="113" customWidth="1"/>
    <col min="9213" max="9213" width="12.25" style="113" customWidth="1"/>
    <col min="9214" max="9214" width="6.125" style="113" customWidth="1"/>
    <col min="9215" max="9215" width="1.75" style="113" customWidth="1"/>
    <col min="9216" max="9216" width="7.25" style="113" customWidth="1"/>
    <col min="9217" max="9217" width="4.125" style="113" customWidth="1"/>
    <col min="9218" max="9218" width="5.75" style="113" customWidth="1"/>
    <col min="9219" max="9219" width="1.75" style="113" customWidth="1"/>
    <col min="9220" max="9220" width="8.875" style="113"/>
    <col min="9221" max="9221" width="5" style="113" customWidth="1"/>
    <col min="9222" max="9222" width="1.625" style="113" customWidth="1"/>
    <col min="9223" max="9223" width="3.875" style="113" customWidth="1"/>
    <col min="9224" max="9224" width="2.125" style="113" customWidth="1"/>
    <col min="9225" max="9226" width="4" style="113" customWidth="1"/>
    <col min="9227" max="9227" width="13.75" style="113" customWidth="1"/>
    <col min="9228" max="9228" width="1.5" style="113" customWidth="1"/>
    <col min="9229" max="9229" width="3.5" style="113" customWidth="1"/>
    <col min="9230" max="9230" width="1.625" style="113" customWidth="1"/>
    <col min="9231" max="9231" width="72.5" style="113" customWidth="1"/>
    <col min="9232" max="9232" width="8.375" style="113" customWidth="1"/>
    <col min="9233" max="9236" width="0" style="113" hidden="1" customWidth="1"/>
    <col min="9237" max="9247" width="8.875" style="113"/>
    <col min="9248" max="9251" width="0" style="113" hidden="1" customWidth="1"/>
    <col min="9252" max="9259" width="10" style="113" customWidth="1"/>
    <col min="9260" max="9466" width="8.875" style="113"/>
    <col min="9467" max="9467" width="7.5" style="113" customWidth="1"/>
    <col min="9468" max="9468" width="16" style="113" customWidth="1"/>
    <col min="9469" max="9469" width="12.25" style="113" customWidth="1"/>
    <col min="9470" max="9470" width="6.125" style="113" customWidth="1"/>
    <col min="9471" max="9471" width="1.75" style="113" customWidth="1"/>
    <col min="9472" max="9472" width="7.25" style="113" customWidth="1"/>
    <col min="9473" max="9473" width="4.125" style="113" customWidth="1"/>
    <col min="9474" max="9474" width="5.75" style="113" customWidth="1"/>
    <col min="9475" max="9475" width="1.75" style="113" customWidth="1"/>
    <col min="9476" max="9476" width="8.875" style="113"/>
    <col min="9477" max="9477" width="5" style="113" customWidth="1"/>
    <col min="9478" max="9478" width="1.625" style="113" customWidth="1"/>
    <col min="9479" max="9479" width="3.875" style="113" customWidth="1"/>
    <col min="9480" max="9480" width="2.125" style="113" customWidth="1"/>
    <col min="9481" max="9482" width="4" style="113" customWidth="1"/>
    <col min="9483" max="9483" width="13.75" style="113" customWidth="1"/>
    <col min="9484" max="9484" width="1.5" style="113" customWidth="1"/>
    <col min="9485" max="9485" width="3.5" style="113" customWidth="1"/>
    <col min="9486" max="9486" width="1.625" style="113" customWidth="1"/>
    <col min="9487" max="9487" width="72.5" style="113" customWidth="1"/>
    <col min="9488" max="9488" width="8.375" style="113" customWidth="1"/>
    <col min="9489" max="9492" width="0" style="113" hidden="1" customWidth="1"/>
    <col min="9493" max="9503" width="8.875" style="113"/>
    <col min="9504" max="9507" width="0" style="113" hidden="1" customWidth="1"/>
    <col min="9508" max="9515" width="10" style="113" customWidth="1"/>
    <col min="9516" max="9722" width="8.875" style="113"/>
    <col min="9723" max="9723" width="7.5" style="113" customWidth="1"/>
    <col min="9724" max="9724" width="16" style="113" customWidth="1"/>
    <col min="9725" max="9725" width="12.25" style="113" customWidth="1"/>
    <col min="9726" max="9726" width="6.125" style="113" customWidth="1"/>
    <col min="9727" max="9727" width="1.75" style="113" customWidth="1"/>
    <col min="9728" max="9728" width="7.25" style="113" customWidth="1"/>
    <col min="9729" max="9729" width="4.125" style="113" customWidth="1"/>
    <col min="9730" max="9730" width="5.75" style="113" customWidth="1"/>
    <col min="9731" max="9731" width="1.75" style="113" customWidth="1"/>
    <col min="9732" max="9732" width="8.875" style="113"/>
    <col min="9733" max="9733" width="5" style="113" customWidth="1"/>
    <col min="9734" max="9734" width="1.625" style="113" customWidth="1"/>
    <col min="9735" max="9735" width="3.875" style="113" customWidth="1"/>
    <col min="9736" max="9736" width="2.125" style="113" customWidth="1"/>
    <col min="9737" max="9738" width="4" style="113" customWidth="1"/>
    <col min="9739" max="9739" width="13.75" style="113" customWidth="1"/>
    <col min="9740" max="9740" width="1.5" style="113" customWidth="1"/>
    <col min="9741" max="9741" width="3.5" style="113" customWidth="1"/>
    <col min="9742" max="9742" width="1.625" style="113" customWidth="1"/>
    <col min="9743" max="9743" width="72.5" style="113" customWidth="1"/>
    <col min="9744" max="9744" width="8.375" style="113" customWidth="1"/>
    <col min="9745" max="9748" width="0" style="113" hidden="1" customWidth="1"/>
    <col min="9749" max="9759" width="8.875" style="113"/>
    <col min="9760" max="9763" width="0" style="113" hidden="1" customWidth="1"/>
    <col min="9764" max="9771" width="10" style="113" customWidth="1"/>
    <col min="9772" max="9978" width="8.875" style="113"/>
    <col min="9979" max="9979" width="7.5" style="113" customWidth="1"/>
    <col min="9980" max="9980" width="16" style="113" customWidth="1"/>
    <col min="9981" max="9981" width="12.25" style="113" customWidth="1"/>
    <col min="9982" max="9982" width="6.125" style="113" customWidth="1"/>
    <col min="9983" max="9983" width="1.75" style="113" customWidth="1"/>
    <col min="9984" max="9984" width="7.25" style="113" customWidth="1"/>
    <col min="9985" max="9985" width="4.125" style="113" customWidth="1"/>
    <col min="9986" max="9986" width="5.75" style="113" customWidth="1"/>
    <col min="9987" max="9987" width="1.75" style="113" customWidth="1"/>
    <col min="9988" max="9988" width="8.875" style="113"/>
    <col min="9989" max="9989" width="5" style="113" customWidth="1"/>
    <col min="9990" max="9990" width="1.625" style="113" customWidth="1"/>
    <col min="9991" max="9991" width="3.875" style="113" customWidth="1"/>
    <col min="9992" max="9992" width="2.125" style="113" customWidth="1"/>
    <col min="9993" max="9994" width="4" style="113" customWidth="1"/>
    <col min="9995" max="9995" width="13.75" style="113" customWidth="1"/>
    <col min="9996" max="9996" width="1.5" style="113" customWidth="1"/>
    <col min="9997" max="9997" width="3.5" style="113" customWidth="1"/>
    <col min="9998" max="9998" width="1.625" style="113" customWidth="1"/>
    <col min="9999" max="9999" width="72.5" style="113" customWidth="1"/>
    <col min="10000" max="10000" width="8.375" style="113" customWidth="1"/>
    <col min="10001" max="10004" width="0" style="113" hidden="1" customWidth="1"/>
    <col min="10005" max="10015" width="8.875" style="113"/>
    <col min="10016" max="10019" width="0" style="113" hidden="1" customWidth="1"/>
    <col min="10020" max="10027" width="10" style="113" customWidth="1"/>
    <col min="10028" max="10234" width="8.875" style="113"/>
    <col min="10235" max="10235" width="7.5" style="113" customWidth="1"/>
    <col min="10236" max="10236" width="16" style="113" customWidth="1"/>
    <col min="10237" max="10237" width="12.25" style="113" customWidth="1"/>
    <col min="10238" max="10238" width="6.125" style="113" customWidth="1"/>
    <col min="10239" max="10239" width="1.75" style="113" customWidth="1"/>
    <col min="10240" max="10240" width="7.25" style="113" customWidth="1"/>
    <col min="10241" max="10241" width="4.125" style="113" customWidth="1"/>
    <col min="10242" max="10242" width="5.75" style="113" customWidth="1"/>
    <col min="10243" max="10243" width="1.75" style="113" customWidth="1"/>
    <col min="10244" max="10244" width="8.875" style="113"/>
    <col min="10245" max="10245" width="5" style="113" customWidth="1"/>
    <col min="10246" max="10246" width="1.625" style="113" customWidth="1"/>
    <col min="10247" max="10247" width="3.875" style="113" customWidth="1"/>
    <col min="10248" max="10248" width="2.125" style="113" customWidth="1"/>
    <col min="10249" max="10250" width="4" style="113" customWidth="1"/>
    <col min="10251" max="10251" width="13.75" style="113" customWidth="1"/>
    <col min="10252" max="10252" width="1.5" style="113" customWidth="1"/>
    <col min="10253" max="10253" width="3.5" style="113" customWidth="1"/>
    <col min="10254" max="10254" width="1.625" style="113" customWidth="1"/>
    <col min="10255" max="10255" width="72.5" style="113" customWidth="1"/>
    <col min="10256" max="10256" width="8.375" style="113" customWidth="1"/>
    <col min="10257" max="10260" width="0" style="113" hidden="1" customWidth="1"/>
    <col min="10261" max="10271" width="8.875" style="113"/>
    <col min="10272" max="10275" width="0" style="113" hidden="1" customWidth="1"/>
    <col min="10276" max="10283" width="10" style="113" customWidth="1"/>
    <col min="10284" max="10490" width="8.875" style="113"/>
    <col min="10491" max="10491" width="7.5" style="113" customWidth="1"/>
    <col min="10492" max="10492" width="16" style="113" customWidth="1"/>
    <col min="10493" max="10493" width="12.25" style="113" customWidth="1"/>
    <col min="10494" max="10494" width="6.125" style="113" customWidth="1"/>
    <col min="10495" max="10495" width="1.75" style="113" customWidth="1"/>
    <col min="10496" max="10496" width="7.25" style="113" customWidth="1"/>
    <col min="10497" max="10497" width="4.125" style="113" customWidth="1"/>
    <col min="10498" max="10498" width="5.75" style="113" customWidth="1"/>
    <col min="10499" max="10499" width="1.75" style="113" customWidth="1"/>
    <col min="10500" max="10500" width="8.875" style="113"/>
    <col min="10501" max="10501" width="5" style="113" customWidth="1"/>
    <col min="10502" max="10502" width="1.625" style="113" customWidth="1"/>
    <col min="10503" max="10503" width="3.875" style="113" customWidth="1"/>
    <col min="10504" max="10504" width="2.125" style="113" customWidth="1"/>
    <col min="10505" max="10506" width="4" style="113" customWidth="1"/>
    <col min="10507" max="10507" width="13.75" style="113" customWidth="1"/>
    <col min="10508" max="10508" width="1.5" style="113" customWidth="1"/>
    <col min="10509" max="10509" width="3.5" style="113" customWidth="1"/>
    <col min="10510" max="10510" width="1.625" style="113" customWidth="1"/>
    <col min="10511" max="10511" width="72.5" style="113" customWidth="1"/>
    <col min="10512" max="10512" width="8.375" style="113" customWidth="1"/>
    <col min="10513" max="10516" width="0" style="113" hidden="1" customWidth="1"/>
    <col min="10517" max="10527" width="8.875" style="113"/>
    <col min="10528" max="10531" width="0" style="113" hidden="1" customWidth="1"/>
    <col min="10532" max="10539" width="10" style="113" customWidth="1"/>
    <col min="10540" max="10746" width="8.875" style="113"/>
    <col min="10747" max="10747" width="7.5" style="113" customWidth="1"/>
    <col min="10748" max="10748" width="16" style="113" customWidth="1"/>
    <col min="10749" max="10749" width="12.25" style="113" customWidth="1"/>
    <col min="10750" max="10750" width="6.125" style="113" customWidth="1"/>
    <col min="10751" max="10751" width="1.75" style="113" customWidth="1"/>
    <col min="10752" max="10752" width="7.25" style="113" customWidth="1"/>
    <col min="10753" max="10753" width="4.125" style="113" customWidth="1"/>
    <col min="10754" max="10754" width="5.75" style="113" customWidth="1"/>
    <col min="10755" max="10755" width="1.75" style="113" customWidth="1"/>
    <col min="10756" max="10756" width="8.875" style="113"/>
    <col min="10757" max="10757" width="5" style="113" customWidth="1"/>
    <col min="10758" max="10758" width="1.625" style="113" customWidth="1"/>
    <col min="10759" max="10759" width="3.875" style="113" customWidth="1"/>
    <col min="10760" max="10760" width="2.125" style="113" customWidth="1"/>
    <col min="10761" max="10762" width="4" style="113" customWidth="1"/>
    <col min="10763" max="10763" width="13.75" style="113" customWidth="1"/>
    <col min="10764" max="10764" width="1.5" style="113" customWidth="1"/>
    <col min="10765" max="10765" width="3.5" style="113" customWidth="1"/>
    <col min="10766" max="10766" width="1.625" style="113" customWidth="1"/>
    <col min="10767" max="10767" width="72.5" style="113" customWidth="1"/>
    <col min="10768" max="10768" width="8.375" style="113" customWidth="1"/>
    <col min="10769" max="10772" width="0" style="113" hidden="1" customWidth="1"/>
    <col min="10773" max="10783" width="8.875" style="113"/>
    <col min="10784" max="10787" width="0" style="113" hidden="1" customWidth="1"/>
    <col min="10788" max="10795" width="10" style="113" customWidth="1"/>
    <col min="10796" max="11002" width="8.875" style="113"/>
    <col min="11003" max="11003" width="7.5" style="113" customWidth="1"/>
    <col min="11004" max="11004" width="16" style="113" customWidth="1"/>
    <col min="11005" max="11005" width="12.25" style="113" customWidth="1"/>
    <col min="11006" max="11006" width="6.125" style="113" customWidth="1"/>
    <col min="11007" max="11007" width="1.75" style="113" customWidth="1"/>
    <col min="11008" max="11008" width="7.25" style="113" customWidth="1"/>
    <col min="11009" max="11009" width="4.125" style="113" customWidth="1"/>
    <col min="11010" max="11010" width="5.75" style="113" customWidth="1"/>
    <col min="11011" max="11011" width="1.75" style="113" customWidth="1"/>
    <col min="11012" max="11012" width="8.875" style="113"/>
    <col min="11013" max="11013" width="5" style="113" customWidth="1"/>
    <col min="11014" max="11014" width="1.625" style="113" customWidth="1"/>
    <col min="11015" max="11015" width="3.875" style="113" customWidth="1"/>
    <col min="11016" max="11016" width="2.125" style="113" customWidth="1"/>
    <col min="11017" max="11018" width="4" style="113" customWidth="1"/>
    <col min="11019" max="11019" width="13.75" style="113" customWidth="1"/>
    <col min="11020" max="11020" width="1.5" style="113" customWidth="1"/>
    <col min="11021" max="11021" width="3.5" style="113" customWidth="1"/>
    <col min="11022" max="11022" width="1.625" style="113" customWidth="1"/>
    <col min="11023" max="11023" width="72.5" style="113" customWidth="1"/>
    <col min="11024" max="11024" width="8.375" style="113" customWidth="1"/>
    <col min="11025" max="11028" width="0" style="113" hidden="1" customWidth="1"/>
    <col min="11029" max="11039" width="8.875" style="113"/>
    <col min="11040" max="11043" width="0" style="113" hidden="1" customWidth="1"/>
    <col min="11044" max="11051" width="10" style="113" customWidth="1"/>
    <col min="11052" max="11258" width="8.875" style="113"/>
    <col min="11259" max="11259" width="7.5" style="113" customWidth="1"/>
    <col min="11260" max="11260" width="16" style="113" customWidth="1"/>
    <col min="11261" max="11261" width="12.25" style="113" customWidth="1"/>
    <col min="11262" max="11262" width="6.125" style="113" customWidth="1"/>
    <col min="11263" max="11263" width="1.75" style="113" customWidth="1"/>
    <col min="11264" max="11264" width="7.25" style="113" customWidth="1"/>
    <col min="11265" max="11265" width="4.125" style="113" customWidth="1"/>
    <col min="11266" max="11266" width="5.75" style="113" customWidth="1"/>
    <col min="11267" max="11267" width="1.75" style="113" customWidth="1"/>
    <col min="11268" max="11268" width="8.875" style="113"/>
    <col min="11269" max="11269" width="5" style="113" customWidth="1"/>
    <col min="11270" max="11270" width="1.625" style="113" customWidth="1"/>
    <col min="11271" max="11271" width="3.875" style="113" customWidth="1"/>
    <col min="11272" max="11272" width="2.125" style="113" customWidth="1"/>
    <col min="11273" max="11274" width="4" style="113" customWidth="1"/>
    <col min="11275" max="11275" width="13.75" style="113" customWidth="1"/>
    <col min="11276" max="11276" width="1.5" style="113" customWidth="1"/>
    <col min="11277" max="11277" width="3.5" style="113" customWidth="1"/>
    <col min="11278" max="11278" width="1.625" style="113" customWidth="1"/>
    <col min="11279" max="11279" width="72.5" style="113" customWidth="1"/>
    <col min="11280" max="11280" width="8.375" style="113" customWidth="1"/>
    <col min="11281" max="11284" width="0" style="113" hidden="1" customWidth="1"/>
    <col min="11285" max="11295" width="8.875" style="113"/>
    <col min="11296" max="11299" width="0" style="113" hidden="1" customWidth="1"/>
    <col min="11300" max="11307" width="10" style="113" customWidth="1"/>
    <col min="11308" max="11514" width="8.875" style="113"/>
    <col min="11515" max="11515" width="7.5" style="113" customWidth="1"/>
    <col min="11516" max="11516" width="16" style="113" customWidth="1"/>
    <col min="11517" max="11517" width="12.25" style="113" customWidth="1"/>
    <col min="11518" max="11518" width="6.125" style="113" customWidth="1"/>
    <col min="11519" max="11519" width="1.75" style="113" customWidth="1"/>
    <col min="11520" max="11520" width="7.25" style="113" customWidth="1"/>
    <col min="11521" max="11521" width="4.125" style="113" customWidth="1"/>
    <col min="11522" max="11522" width="5.75" style="113" customWidth="1"/>
    <col min="11523" max="11523" width="1.75" style="113" customWidth="1"/>
    <col min="11524" max="11524" width="8.875" style="113"/>
    <col min="11525" max="11525" width="5" style="113" customWidth="1"/>
    <col min="11526" max="11526" width="1.625" style="113" customWidth="1"/>
    <col min="11527" max="11527" width="3.875" style="113" customWidth="1"/>
    <col min="11528" max="11528" width="2.125" style="113" customWidth="1"/>
    <col min="11529" max="11530" width="4" style="113" customWidth="1"/>
    <col min="11531" max="11531" width="13.75" style="113" customWidth="1"/>
    <col min="11532" max="11532" width="1.5" style="113" customWidth="1"/>
    <col min="11533" max="11533" width="3.5" style="113" customWidth="1"/>
    <col min="11534" max="11534" width="1.625" style="113" customWidth="1"/>
    <col min="11535" max="11535" width="72.5" style="113" customWidth="1"/>
    <col min="11536" max="11536" width="8.375" style="113" customWidth="1"/>
    <col min="11537" max="11540" width="0" style="113" hidden="1" customWidth="1"/>
    <col min="11541" max="11551" width="8.875" style="113"/>
    <col min="11552" max="11555" width="0" style="113" hidden="1" customWidth="1"/>
    <col min="11556" max="11563" width="10" style="113" customWidth="1"/>
    <col min="11564" max="11770" width="8.875" style="113"/>
    <col min="11771" max="11771" width="7.5" style="113" customWidth="1"/>
    <col min="11772" max="11772" width="16" style="113" customWidth="1"/>
    <col min="11773" max="11773" width="12.25" style="113" customWidth="1"/>
    <col min="11774" max="11774" width="6.125" style="113" customWidth="1"/>
    <col min="11775" max="11775" width="1.75" style="113" customWidth="1"/>
    <col min="11776" max="11776" width="7.25" style="113" customWidth="1"/>
    <col min="11777" max="11777" width="4.125" style="113" customWidth="1"/>
    <col min="11778" max="11778" width="5.75" style="113" customWidth="1"/>
    <col min="11779" max="11779" width="1.75" style="113" customWidth="1"/>
    <col min="11780" max="11780" width="8.875" style="113"/>
    <col min="11781" max="11781" width="5" style="113" customWidth="1"/>
    <col min="11782" max="11782" width="1.625" style="113" customWidth="1"/>
    <col min="11783" max="11783" width="3.875" style="113" customWidth="1"/>
    <col min="11784" max="11784" width="2.125" style="113" customWidth="1"/>
    <col min="11785" max="11786" width="4" style="113" customWidth="1"/>
    <col min="11787" max="11787" width="13.75" style="113" customWidth="1"/>
    <col min="11788" max="11788" width="1.5" style="113" customWidth="1"/>
    <col min="11789" max="11789" width="3.5" style="113" customWidth="1"/>
    <col min="11790" max="11790" width="1.625" style="113" customWidth="1"/>
    <col min="11791" max="11791" width="72.5" style="113" customWidth="1"/>
    <col min="11792" max="11792" width="8.375" style="113" customWidth="1"/>
    <col min="11793" max="11796" width="0" style="113" hidden="1" customWidth="1"/>
    <col min="11797" max="11807" width="8.875" style="113"/>
    <col min="11808" max="11811" width="0" style="113" hidden="1" customWidth="1"/>
    <col min="11812" max="11819" width="10" style="113" customWidth="1"/>
    <col min="11820" max="12026" width="8.875" style="113"/>
    <col min="12027" max="12027" width="7.5" style="113" customWidth="1"/>
    <col min="12028" max="12028" width="16" style="113" customWidth="1"/>
    <col min="12029" max="12029" width="12.25" style="113" customWidth="1"/>
    <col min="12030" max="12030" width="6.125" style="113" customWidth="1"/>
    <col min="12031" max="12031" width="1.75" style="113" customWidth="1"/>
    <col min="12032" max="12032" width="7.25" style="113" customWidth="1"/>
    <col min="12033" max="12033" width="4.125" style="113" customWidth="1"/>
    <col min="12034" max="12034" width="5.75" style="113" customWidth="1"/>
    <col min="12035" max="12035" width="1.75" style="113" customWidth="1"/>
    <col min="12036" max="12036" width="8.875" style="113"/>
    <col min="12037" max="12037" width="5" style="113" customWidth="1"/>
    <col min="12038" max="12038" width="1.625" style="113" customWidth="1"/>
    <col min="12039" max="12039" width="3.875" style="113" customWidth="1"/>
    <col min="12040" max="12040" width="2.125" style="113" customWidth="1"/>
    <col min="12041" max="12042" width="4" style="113" customWidth="1"/>
    <col min="12043" max="12043" width="13.75" style="113" customWidth="1"/>
    <col min="12044" max="12044" width="1.5" style="113" customWidth="1"/>
    <col min="12045" max="12045" width="3.5" style="113" customWidth="1"/>
    <col min="12046" max="12046" width="1.625" style="113" customWidth="1"/>
    <col min="12047" max="12047" width="72.5" style="113" customWidth="1"/>
    <col min="12048" max="12048" width="8.375" style="113" customWidth="1"/>
    <col min="12049" max="12052" width="0" style="113" hidden="1" customWidth="1"/>
    <col min="12053" max="12063" width="8.875" style="113"/>
    <col min="12064" max="12067" width="0" style="113" hidden="1" customWidth="1"/>
    <col min="12068" max="12075" width="10" style="113" customWidth="1"/>
    <col min="12076" max="12282" width="8.875" style="113"/>
    <col min="12283" max="12283" width="7.5" style="113" customWidth="1"/>
    <col min="12284" max="12284" width="16" style="113" customWidth="1"/>
    <col min="12285" max="12285" width="12.25" style="113" customWidth="1"/>
    <col min="12286" max="12286" width="6.125" style="113" customWidth="1"/>
    <col min="12287" max="12287" width="1.75" style="113" customWidth="1"/>
    <col min="12288" max="12288" width="7.25" style="113" customWidth="1"/>
    <col min="12289" max="12289" width="4.125" style="113" customWidth="1"/>
    <col min="12290" max="12290" width="5.75" style="113" customWidth="1"/>
    <col min="12291" max="12291" width="1.75" style="113" customWidth="1"/>
    <col min="12292" max="12292" width="8.875" style="113"/>
    <col min="12293" max="12293" width="5" style="113" customWidth="1"/>
    <col min="12294" max="12294" width="1.625" style="113" customWidth="1"/>
    <col min="12295" max="12295" width="3.875" style="113" customWidth="1"/>
    <col min="12296" max="12296" width="2.125" style="113" customWidth="1"/>
    <col min="12297" max="12298" width="4" style="113" customWidth="1"/>
    <col min="12299" max="12299" width="13.75" style="113" customWidth="1"/>
    <col min="12300" max="12300" width="1.5" style="113" customWidth="1"/>
    <col min="12301" max="12301" width="3.5" style="113" customWidth="1"/>
    <col min="12302" max="12302" width="1.625" style="113" customWidth="1"/>
    <col min="12303" max="12303" width="72.5" style="113" customWidth="1"/>
    <col min="12304" max="12304" width="8.375" style="113" customWidth="1"/>
    <col min="12305" max="12308" width="0" style="113" hidden="1" customWidth="1"/>
    <col min="12309" max="12319" width="8.875" style="113"/>
    <col min="12320" max="12323" width="0" style="113" hidden="1" customWidth="1"/>
    <col min="12324" max="12331" width="10" style="113" customWidth="1"/>
    <col min="12332" max="12538" width="8.875" style="113"/>
    <col min="12539" max="12539" width="7.5" style="113" customWidth="1"/>
    <col min="12540" max="12540" width="16" style="113" customWidth="1"/>
    <col min="12541" max="12541" width="12.25" style="113" customWidth="1"/>
    <col min="12542" max="12542" width="6.125" style="113" customWidth="1"/>
    <col min="12543" max="12543" width="1.75" style="113" customWidth="1"/>
    <col min="12544" max="12544" width="7.25" style="113" customWidth="1"/>
    <col min="12545" max="12545" width="4.125" style="113" customWidth="1"/>
    <col min="12546" max="12546" width="5.75" style="113" customWidth="1"/>
    <col min="12547" max="12547" width="1.75" style="113" customWidth="1"/>
    <col min="12548" max="12548" width="8.875" style="113"/>
    <col min="12549" max="12549" width="5" style="113" customWidth="1"/>
    <col min="12550" max="12550" width="1.625" style="113" customWidth="1"/>
    <col min="12551" max="12551" width="3.875" style="113" customWidth="1"/>
    <col min="12552" max="12552" width="2.125" style="113" customWidth="1"/>
    <col min="12553" max="12554" width="4" style="113" customWidth="1"/>
    <col min="12555" max="12555" width="13.75" style="113" customWidth="1"/>
    <col min="12556" max="12556" width="1.5" style="113" customWidth="1"/>
    <col min="12557" max="12557" width="3.5" style="113" customWidth="1"/>
    <col min="12558" max="12558" width="1.625" style="113" customWidth="1"/>
    <col min="12559" max="12559" width="72.5" style="113" customWidth="1"/>
    <col min="12560" max="12560" width="8.375" style="113" customWidth="1"/>
    <col min="12561" max="12564" width="0" style="113" hidden="1" customWidth="1"/>
    <col min="12565" max="12575" width="8.875" style="113"/>
    <col min="12576" max="12579" width="0" style="113" hidden="1" customWidth="1"/>
    <col min="12580" max="12587" width="10" style="113" customWidth="1"/>
    <col min="12588" max="12794" width="8.875" style="113"/>
    <col min="12795" max="12795" width="7.5" style="113" customWidth="1"/>
    <col min="12796" max="12796" width="16" style="113" customWidth="1"/>
    <col min="12797" max="12797" width="12.25" style="113" customWidth="1"/>
    <col min="12798" max="12798" width="6.125" style="113" customWidth="1"/>
    <col min="12799" max="12799" width="1.75" style="113" customWidth="1"/>
    <col min="12800" max="12800" width="7.25" style="113" customWidth="1"/>
    <col min="12801" max="12801" width="4.125" style="113" customWidth="1"/>
    <col min="12802" max="12802" width="5.75" style="113" customWidth="1"/>
    <col min="12803" max="12803" width="1.75" style="113" customWidth="1"/>
    <col min="12804" max="12804" width="8.875" style="113"/>
    <col min="12805" max="12805" width="5" style="113" customWidth="1"/>
    <col min="12806" max="12806" width="1.625" style="113" customWidth="1"/>
    <col min="12807" max="12807" width="3.875" style="113" customWidth="1"/>
    <col min="12808" max="12808" width="2.125" style="113" customWidth="1"/>
    <col min="12809" max="12810" width="4" style="113" customWidth="1"/>
    <col min="12811" max="12811" width="13.75" style="113" customWidth="1"/>
    <col min="12812" max="12812" width="1.5" style="113" customWidth="1"/>
    <col min="12813" max="12813" width="3.5" style="113" customWidth="1"/>
    <col min="12814" max="12814" width="1.625" style="113" customWidth="1"/>
    <col min="12815" max="12815" width="72.5" style="113" customWidth="1"/>
    <col min="12816" max="12816" width="8.375" style="113" customWidth="1"/>
    <col min="12817" max="12820" width="0" style="113" hidden="1" customWidth="1"/>
    <col min="12821" max="12831" width="8.875" style="113"/>
    <col min="12832" max="12835" width="0" style="113" hidden="1" customWidth="1"/>
    <col min="12836" max="12843" width="10" style="113" customWidth="1"/>
    <col min="12844" max="13050" width="8.875" style="113"/>
    <col min="13051" max="13051" width="7.5" style="113" customWidth="1"/>
    <col min="13052" max="13052" width="16" style="113" customWidth="1"/>
    <col min="13053" max="13053" width="12.25" style="113" customWidth="1"/>
    <col min="13054" max="13054" width="6.125" style="113" customWidth="1"/>
    <col min="13055" max="13055" width="1.75" style="113" customWidth="1"/>
    <col min="13056" max="13056" width="7.25" style="113" customWidth="1"/>
    <col min="13057" max="13057" width="4.125" style="113" customWidth="1"/>
    <col min="13058" max="13058" width="5.75" style="113" customWidth="1"/>
    <col min="13059" max="13059" width="1.75" style="113" customWidth="1"/>
    <col min="13060" max="13060" width="8.875" style="113"/>
    <col min="13061" max="13061" width="5" style="113" customWidth="1"/>
    <col min="13062" max="13062" width="1.625" style="113" customWidth="1"/>
    <col min="13063" max="13063" width="3.875" style="113" customWidth="1"/>
    <col min="13064" max="13064" width="2.125" style="113" customWidth="1"/>
    <col min="13065" max="13066" width="4" style="113" customWidth="1"/>
    <col min="13067" max="13067" width="13.75" style="113" customWidth="1"/>
    <col min="13068" max="13068" width="1.5" style="113" customWidth="1"/>
    <col min="13069" max="13069" width="3.5" style="113" customWidth="1"/>
    <col min="13070" max="13070" width="1.625" style="113" customWidth="1"/>
    <col min="13071" max="13071" width="72.5" style="113" customWidth="1"/>
    <col min="13072" max="13072" width="8.375" style="113" customWidth="1"/>
    <col min="13073" max="13076" width="0" style="113" hidden="1" customWidth="1"/>
    <col min="13077" max="13087" width="8.875" style="113"/>
    <col min="13088" max="13091" width="0" style="113" hidden="1" customWidth="1"/>
    <col min="13092" max="13099" width="10" style="113" customWidth="1"/>
    <col min="13100" max="13306" width="8.875" style="113"/>
    <col min="13307" max="13307" width="7.5" style="113" customWidth="1"/>
    <col min="13308" max="13308" width="16" style="113" customWidth="1"/>
    <col min="13309" max="13309" width="12.25" style="113" customWidth="1"/>
    <col min="13310" max="13310" width="6.125" style="113" customWidth="1"/>
    <col min="13311" max="13311" width="1.75" style="113" customWidth="1"/>
    <col min="13312" max="13312" width="7.25" style="113" customWidth="1"/>
    <col min="13313" max="13313" width="4.125" style="113" customWidth="1"/>
    <col min="13314" max="13314" width="5.75" style="113" customWidth="1"/>
    <col min="13315" max="13315" width="1.75" style="113" customWidth="1"/>
    <col min="13316" max="13316" width="8.875" style="113"/>
    <col min="13317" max="13317" width="5" style="113" customWidth="1"/>
    <col min="13318" max="13318" width="1.625" style="113" customWidth="1"/>
    <col min="13319" max="13319" width="3.875" style="113" customWidth="1"/>
    <col min="13320" max="13320" width="2.125" style="113" customWidth="1"/>
    <col min="13321" max="13322" width="4" style="113" customWidth="1"/>
    <col min="13323" max="13323" width="13.75" style="113" customWidth="1"/>
    <col min="13324" max="13324" width="1.5" style="113" customWidth="1"/>
    <col min="13325" max="13325" width="3.5" style="113" customWidth="1"/>
    <col min="13326" max="13326" width="1.625" style="113" customWidth="1"/>
    <col min="13327" max="13327" width="72.5" style="113" customWidth="1"/>
    <col min="13328" max="13328" width="8.375" style="113" customWidth="1"/>
    <col min="13329" max="13332" width="0" style="113" hidden="1" customWidth="1"/>
    <col min="13333" max="13343" width="8.875" style="113"/>
    <col min="13344" max="13347" width="0" style="113" hidden="1" customWidth="1"/>
    <col min="13348" max="13355" width="10" style="113" customWidth="1"/>
    <col min="13356" max="13562" width="8.875" style="113"/>
    <col min="13563" max="13563" width="7.5" style="113" customWidth="1"/>
    <col min="13564" max="13564" width="16" style="113" customWidth="1"/>
    <col min="13565" max="13565" width="12.25" style="113" customWidth="1"/>
    <col min="13566" max="13566" width="6.125" style="113" customWidth="1"/>
    <col min="13567" max="13567" width="1.75" style="113" customWidth="1"/>
    <col min="13568" max="13568" width="7.25" style="113" customWidth="1"/>
    <col min="13569" max="13569" width="4.125" style="113" customWidth="1"/>
    <col min="13570" max="13570" width="5.75" style="113" customWidth="1"/>
    <col min="13571" max="13571" width="1.75" style="113" customWidth="1"/>
    <col min="13572" max="13572" width="8.875" style="113"/>
    <col min="13573" max="13573" width="5" style="113" customWidth="1"/>
    <col min="13574" max="13574" width="1.625" style="113" customWidth="1"/>
    <col min="13575" max="13575" width="3.875" style="113" customWidth="1"/>
    <col min="13576" max="13576" width="2.125" style="113" customWidth="1"/>
    <col min="13577" max="13578" width="4" style="113" customWidth="1"/>
    <col min="13579" max="13579" width="13.75" style="113" customWidth="1"/>
    <col min="13580" max="13580" width="1.5" style="113" customWidth="1"/>
    <col min="13581" max="13581" width="3.5" style="113" customWidth="1"/>
    <col min="13582" max="13582" width="1.625" style="113" customWidth="1"/>
    <col min="13583" max="13583" width="72.5" style="113" customWidth="1"/>
    <col min="13584" max="13584" width="8.375" style="113" customWidth="1"/>
    <col min="13585" max="13588" width="0" style="113" hidden="1" customWidth="1"/>
    <col min="13589" max="13599" width="8.875" style="113"/>
    <col min="13600" max="13603" width="0" style="113" hidden="1" customWidth="1"/>
    <col min="13604" max="13611" width="10" style="113" customWidth="1"/>
    <col min="13612" max="13818" width="8.875" style="113"/>
    <col min="13819" max="13819" width="7.5" style="113" customWidth="1"/>
    <col min="13820" max="13820" width="16" style="113" customWidth="1"/>
    <col min="13821" max="13821" width="12.25" style="113" customWidth="1"/>
    <col min="13822" max="13822" width="6.125" style="113" customWidth="1"/>
    <col min="13823" max="13823" width="1.75" style="113" customWidth="1"/>
    <col min="13824" max="13824" width="7.25" style="113" customWidth="1"/>
    <col min="13825" max="13825" width="4.125" style="113" customWidth="1"/>
    <col min="13826" max="13826" width="5.75" style="113" customWidth="1"/>
    <col min="13827" max="13827" width="1.75" style="113" customWidth="1"/>
    <col min="13828" max="13828" width="8.875" style="113"/>
    <col min="13829" max="13829" width="5" style="113" customWidth="1"/>
    <col min="13830" max="13830" width="1.625" style="113" customWidth="1"/>
    <col min="13831" max="13831" width="3.875" style="113" customWidth="1"/>
    <col min="13832" max="13832" width="2.125" style="113" customWidth="1"/>
    <col min="13833" max="13834" width="4" style="113" customWidth="1"/>
    <col min="13835" max="13835" width="13.75" style="113" customWidth="1"/>
    <col min="13836" max="13836" width="1.5" style="113" customWidth="1"/>
    <col min="13837" max="13837" width="3.5" style="113" customWidth="1"/>
    <col min="13838" max="13838" width="1.625" style="113" customWidth="1"/>
    <col min="13839" max="13839" width="72.5" style="113" customWidth="1"/>
    <col min="13840" max="13840" width="8.375" style="113" customWidth="1"/>
    <col min="13841" max="13844" width="0" style="113" hidden="1" customWidth="1"/>
    <col min="13845" max="13855" width="8.875" style="113"/>
    <col min="13856" max="13859" width="0" style="113" hidden="1" customWidth="1"/>
    <col min="13860" max="13867" width="10" style="113" customWidth="1"/>
    <col min="13868" max="14074" width="8.875" style="113"/>
    <col min="14075" max="14075" width="7.5" style="113" customWidth="1"/>
    <col min="14076" max="14076" width="16" style="113" customWidth="1"/>
    <col min="14077" max="14077" width="12.25" style="113" customWidth="1"/>
    <col min="14078" max="14078" width="6.125" style="113" customWidth="1"/>
    <col min="14079" max="14079" width="1.75" style="113" customWidth="1"/>
    <col min="14080" max="14080" width="7.25" style="113" customWidth="1"/>
    <col min="14081" max="14081" width="4.125" style="113" customWidth="1"/>
    <col min="14082" max="14082" width="5.75" style="113" customWidth="1"/>
    <col min="14083" max="14083" width="1.75" style="113" customWidth="1"/>
    <col min="14084" max="14084" width="8.875" style="113"/>
    <col min="14085" max="14085" width="5" style="113" customWidth="1"/>
    <col min="14086" max="14086" width="1.625" style="113" customWidth="1"/>
    <col min="14087" max="14087" width="3.875" style="113" customWidth="1"/>
    <col min="14088" max="14088" width="2.125" style="113" customWidth="1"/>
    <col min="14089" max="14090" width="4" style="113" customWidth="1"/>
    <col min="14091" max="14091" width="13.75" style="113" customWidth="1"/>
    <col min="14092" max="14092" width="1.5" style="113" customWidth="1"/>
    <col min="14093" max="14093" width="3.5" style="113" customWidth="1"/>
    <col min="14094" max="14094" width="1.625" style="113" customWidth="1"/>
    <col min="14095" max="14095" width="72.5" style="113" customWidth="1"/>
    <col min="14096" max="14096" width="8.375" style="113" customWidth="1"/>
    <col min="14097" max="14100" width="0" style="113" hidden="1" customWidth="1"/>
    <col min="14101" max="14111" width="8.875" style="113"/>
    <col min="14112" max="14115" width="0" style="113" hidden="1" customWidth="1"/>
    <col min="14116" max="14123" width="10" style="113" customWidth="1"/>
    <col min="14124" max="14330" width="8.875" style="113"/>
    <col min="14331" max="14331" width="7.5" style="113" customWidth="1"/>
    <col min="14332" max="14332" width="16" style="113" customWidth="1"/>
    <col min="14333" max="14333" width="12.25" style="113" customWidth="1"/>
    <col min="14334" max="14334" width="6.125" style="113" customWidth="1"/>
    <col min="14335" max="14335" width="1.75" style="113" customWidth="1"/>
    <col min="14336" max="14336" width="7.25" style="113" customWidth="1"/>
    <col min="14337" max="14337" width="4.125" style="113" customWidth="1"/>
    <col min="14338" max="14338" width="5.75" style="113" customWidth="1"/>
    <col min="14339" max="14339" width="1.75" style="113" customWidth="1"/>
    <col min="14340" max="14340" width="8.875" style="113"/>
    <col min="14341" max="14341" width="5" style="113" customWidth="1"/>
    <col min="14342" max="14342" width="1.625" style="113" customWidth="1"/>
    <col min="14343" max="14343" width="3.875" style="113" customWidth="1"/>
    <col min="14344" max="14344" width="2.125" style="113" customWidth="1"/>
    <col min="14345" max="14346" width="4" style="113" customWidth="1"/>
    <col min="14347" max="14347" width="13.75" style="113" customWidth="1"/>
    <col min="14348" max="14348" width="1.5" style="113" customWidth="1"/>
    <col min="14349" max="14349" width="3.5" style="113" customWidth="1"/>
    <col min="14350" max="14350" width="1.625" style="113" customWidth="1"/>
    <col min="14351" max="14351" width="72.5" style="113" customWidth="1"/>
    <col min="14352" max="14352" width="8.375" style="113" customWidth="1"/>
    <col min="14353" max="14356" width="0" style="113" hidden="1" customWidth="1"/>
    <col min="14357" max="14367" width="8.875" style="113"/>
    <col min="14368" max="14371" width="0" style="113" hidden="1" customWidth="1"/>
    <col min="14372" max="14379" width="10" style="113" customWidth="1"/>
    <col min="14380" max="14586" width="8.875" style="113"/>
    <col min="14587" max="14587" width="7.5" style="113" customWidth="1"/>
    <col min="14588" max="14588" width="16" style="113" customWidth="1"/>
    <col min="14589" max="14589" width="12.25" style="113" customWidth="1"/>
    <col min="14590" max="14590" width="6.125" style="113" customWidth="1"/>
    <col min="14591" max="14591" width="1.75" style="113" customWidth="1"/>
    <col min="14592" max="14592" width="7.25" style="113" customWidth="1"/>
    <col min="14593" max="14593" width="4.125" style="113" customWidth="1"/>
    <col min="14594" max="14594" width="5.75" style="113" customWidth="1"/>
    <col min="14595" max="14595" width="1.75" style="113" customWidth="1"/>
    <col min="14596" max="14596" width="8.875" style="113"/>
    <col min="14597" max="14597" width="5" style="113" customWidth="1"/>
    <col min="14598" max="14598" width="1.625" style="113" customWidth="1"/>
    <col min="14599" max="14599" width="3.875" style="113" customWidth="1"/>
    <col min="14600" max="14600" width="2.125" style="113" customWidth="1"/>
    <col min="14601" max="14602" width="4" style="113" customWidth="1"/>
    <col min="14603" max="14603" width="13.75" style="113" customWidth="1"/>
    <col min="14604" max="14604" width="1.5" style="113" customWidth="1"/>
    <col min="14605" max="14605" width="3.5" style="113" customWidth="1"/>
    <col min="14606" max="14606" width="1.625" style="113" customWidth="1"/>
    <col min="14607" max="14607" width="72.5" style="113" customWidth="1"/>
    <col min="14608" max="14608" width="8.375" style="113" customWidth="1"/>
    <col min="14609" max="14612" width="0" style="113" hidden="1" customWidth="1"/>
    <col min="14613" max="14623" width="8.875" style="113"/>
    <col min="14624" max="14627" width="0" style="113" hidden="1" customWidth="1"/>
    <col min="14628" max="14635" width="10" style="113" customWidth="1"/>
    <col min="14636" max="14842" width="8.875" style="113"/>
    <col min="14843" max="14843" width="7.5" style="113" customWidth="1"/>
    <col min="14844" max="14844" width="16" style="113" customWidth="1"/>
    <col min="14845" max="14845" width="12.25" style="113" customWidth="1"/>
    <col min="14846" max="14846" width="6.125" style="113" customWidth="1"/>
    <col min="14847" max="14847" width="1.75" style="113" customWidth="1"/>
    <col min="14848" max="14848" width="7.25" style="113" customWidth="1"/>
    <col min="14849" max="14849" width="4.125" style="113" customWidth="1"/>
    <col min="14850" max="14850" width="5.75" style="113" customWidth="1"/>
    <col min="14851" max="14851" width="1.75" style="113" customWidth="1"/>
    <col min="14852" max="14852" width="8.875" style="113"/>
    <col min="14853" max="14853" width="5" style="113" customWidth="1"/>
    <col min="14854" max="14854" width="1.625" style="113" customWidth="1"/>
    <col min="14855" max="14855" width="3.875" style="113" customWidth="1"/>
    <col min="14856" max="14856" width="2.125" style="113" customWidth="1"/>
    <col min="14857" max="14858" width="4" style="113" customWidth="1"/>
    <col min="14859" max="14859" width="13.75" style="113" customWidth="1"/>
    <col min="14860" max="14860" width="1.5" style="113" customWidth="1"/>
    <col min="14861" max="14861" width="3.5" style="113" customWidth="1"/>
    <col min="14862" max="14862" width="1.625" style="113" customWidth="1"/>
    <col min="14863" max="14863" width="72.5" style="113" customWidth="1"/>
    <col min="14864" max="14864" width="8.375" style="113" customWidth="1"/>
    <col min="14865" max="14868" width="0" style="113" hidden="1" customWidth="1"/>
    <col min="14869" max="14879" width="8.875" style="113"/>
    <col min="14880" max="14883" width="0" style="113" hidden="1" customWidth="1"/>
    <col min="14884" max="14891" width="10" style="113" customWidth="1"/>
    <col min="14892" max="15098" width="8.875" style="113"/>
    <col min="15099" max="15099" width="7.5" style="113" customWidth="1"/>
    <col min="15100" max="15100" width="16" style="113" customWidth="1"/>
    <col min="15101" max="15101" width="12.25" style="113" customWidth="1"/>
    <col min="15102" max="15102" width="6.125" style="113" customWidth="1"/>
    <col min="15103" max="15103" width="1.75" style="113" customWidth="1"/>
    <col min="15104" max="15104" width="7.25" style="113" customWidth="1"/>
    <col min="15105" max="15105" width="4.125" style="113" customWidth="1"/>
    <col min="15106" max="15106" width="5.75" style="113" customWidth="1"/>
    <col min="15107" max="15107" width="1.75" style="113" customWidth="1"/>
    <col min="15108" max="15108" width="8.875" style="113"/>
    <col min="15109" max="15109" width="5" style="113" customWidth="1"/>
    <col min="15110" max="15110" width="1.625" style="113" customWidth="1"/>
    <col min="15111" max="15111" width="3.875" style="113" customWidth="1"/>
    <col min="15112" max="15112" width="2.125" style="113" customWidth="1"/>
    <col min="15113" max="15114" width="4" style="113" customWidth="1"/>
    <col min="15115" max="15115" width="13.75" style="113" customWidth="1"/>
    <col min="15116" max="15116" width="1.5" style="113" customWidth="1"/>
    <col min="15117" max="15117" width="3.5" style="113" customWidth="1"/>
    <col min="15118" max="15118" width="1.625" style="113" customWidth="1"/>
    <col min="15119" max="15119" width="72.5" style="113" customWidth="1"/>
    <col min="15120" max="15120" width="8.375" style="113" customWidth="1"/>
    <col min="15121" max="15124" width="0" style="113" hidden="1" customWidth="1"/>
    <col min="15125" max="15135" width="8.875" style="113"/>
    <col min="15136" max="15139" width="0" style="113" hidden="1" customWidth="1"/>
    <col min="15140" max="15147" width="10" style="113" customWidth="1"/>
    <col min="15148" max="15354" width="8.875" style="113"/>
    <col min="15355" max="15355" width="7.5" style="113" customWidth="1"/>
    <col min="15356" max="15356" width="16" style="113" customWidth="1"/>
    <col min="15357" max="15357" width="12.25" style="113" customWidth="1"/>
    <col min="15358" max="15358" width="6.125" style="113" customWidth="1"/>
    <col min="15359" max="15359" width="1.75" style="113" customWidth="1"/>
    <col min="15360" max="15360" width="7.25" style="113" customWidth="1"/>
    <col min="15361" max="15361" width="4.125" style="113" customWidth="1"/>
    <col min="15362" max="15362" width="5.75" style="113" customWidth="1"/>
    <col min="15363" max="15363" width="1.75" style="113" customWidth="1"/>
    <col min="15364" max="15364" width="8.875" style="113"/>
    <col min="15365" max="15365" width="5" style="113" customWidth="1"/>
    <col min="15366" max="15366" width="1.625" style="113" customWidth="1"/>
    <col min="15367" max="15367" width="3.875" style="113" customWidth="1"/>
    <col min="15368" max="15368" width="2.125" style="113" customWidth="1"/>
    <col min="15369" max="15370" width="4" style="113" customWidth="1"/>
    <col min="15371" max="15371" width="13.75" style="113" customWidth="1"/>
    <col min="15372" max="15372" width="1.5" style="113" customWidth="1"/>
    <col min="15373" max="15373" width="3.5" style="113" customWidth="1"/>
    <col min="15374" max="15374" width="1.625" style="113" customWidth="1"/>
    <col min="15375" max="15375" width="72.5" style="113" customWidth="1"/>
    <col min="15376" max="15376" width="8.375" style="113" customWidth="1"/>
    <col min="15377" max="15380" width="0" style="113" hidden="1" customWidth="1"/>
    <col min="15381" max="15391" width="8.875" style="113"/>
    <col min="15392" max="15395" width="0" style="113" hidden="1" customWidth="1"/>
    <col min="15396" max="15403" width="10" style="113" customWidth="1"/>
    <col min="15404" max="15610" width="8.875" style="113"/>
    <col min="15611" max="15611" width="7.5" style="113" customWidth="1"/>
    <col min="15612" max="15612" width="16" style="113" customWidth="1"/>
    <col min="15613" max="15613" width="12.25" style="113" customWidth="1"/>
    <col min="15614" max="15614" width="6.125" style="113" customWidth="1"/>
    <col min="15615" max="15615" width="1.75" style="113" customWidth="1"/>
    <col min="15616" max="15616" width="7.25" style="113" customWidth="1"/>
    <col min="15617" max="15617" width="4.125" style="113" customWidth="1"/>
    <col min="15618" max="15618" width="5.75" style="113" customWidth="1"/>
    <col min="15619" max="15619" width="1.75" style="113" customWidth="1"/>
    <col min="15620" max="15620" width="8.875" style="113"/>
    <col min="15621" max="15621" width="5" style="113" customWidth="1"/>
    <col min="15622" max="15622" width="1.625" style="113" customWidth="1"/>
    <col min="15623" max="15623" width="3.875" style="113" customWidth="1"/>
    <col min="15624" max="15624" width="2.125" style="113" customWidth="1"/>
    <col min="15625" max="15626" width="4" style="113" customWidth="1"/>
    <col min="15627" max="15627" width="13.75" style="113" customWidth="1"/>
    <col min="15628" max="15628" width="1.5" style="113" customWidth="1"/>
    <col min="15629" max="15629" width="3.5" style="113" customWidth="1"/>
    <col min="15630" max="15630" width="1.625" style="113" customWidth="1"/>
    <col min="15631" max="15631" width="72.5" style="113" customWidth="1"/>
    <col min="15632" max="15632" width="8.375" style="113" customWidth="1"/>
    <col min="15633" max="15636" width="0" style="113" hidden="1" customWidth="1"/>
    <col min="15637" max="15647" width="8.875" style="113"/>
    <col min="15648" max="15651" width="0" style="113" hidden="1" customWidth="1"/>
    <col min="15652" max="15659" width="10" style="113" customWidth="1"/>
    <col min="15660" max="15866" width="8.875" style="113"/>
    <col min="15867" max="15867" width="7.5" style="113" customWidth="1"/>
    <col min="15868" max="15868" width="16" style="113" customWidth="1"/>
    <col min="15869" max="15869" width="12.25" style="113" customWidth="1"/>
    <col min="15870" max="15870" width="6.125" style="113" customWidth="1"/>
    <col min="15871" max="15871" width="1.75" style="113" customWidth="1"/>
    <col min="15872" max="15872" width="7.25" style="113" customWidth="1"/>
    <col min="15873" max="15873" width="4.125" style="113" customWidth="1"/>
    <col min="15874" max="15874" width="5.75" style="113" customWidth="1"/>
    <col min="15875" max="15875" width="1.75" style="113" customWidth="1"/>
    <col min="15876" max="15876" width="8.875" style="113"/>
    <col min="15877" max="15877" width="5" style="113" customWidth="1"/>
    <col min="15878" max="15878" width="1.625" style="113" customWidth="1"/>
    <col min="15879" max="15879" width="3.875" style="113" customWidth="1"/>
    <col min="15880" max="15880" width="2.125" style="113" customWidth="1"/>
    <col min="15881" max="15882" width="4" style="113" customWidth="1"/>
    <col min="15883" max="15883" width="13.75" style="113" customWidth="1"/>
    <col min="15884" max="15884" width="1.5" style="113" customWidth="1"/>
    <col min="15885" max="15885" width="3.5" style="113" customWidth="1"/>
    <col min="15886" max="15886" width="1.625" style="113" customWidth="1"/>
    <col min="15887" max="15887" width="72.5" style="113" customWidth="1"/>
    <col min="15888" max="15888" width="8.375" style="113" customWidth="1"/>
    <col min="15889" max="15892" width="0" style="113" hidden="1" customWidth="1"/>
    <col min="15893" max="15903" width="8.875" style="113"/>
    <col min="15904" max="15907" width="0" style="113" hidden="1" customWidth="1"/>
    <col min="15908" max="15915" width="10" style="113" customWidth="1"/>
    <col min="15916" max="16122" width="8.875" style="113"/>
    <col min="16123" max="16123" width="7.5" style="113" customWidth="1"/>
    <col min="16124" max="16124" width="16" style="113" customWidth="1"/>
    <col min="16125" max="16125" width="12.25" style="113" customWidth="1"/>
    <col min="16126" max="16126" width="6.125" style="113" customWidth="1"/>
    <col min="16127" max="16127" width="1.75" style="113" customWidth="1"/>
    <col min="16128" max="16128" width="7.25" style="113" customWidth="1"/>
    <col min="16129" max="16129" width="4.125" style="113" customWidth="1"/>
    <col min="16130" max="16130" width="5.75" style="113" customWidth="1"/>
    <col min="16131" max="16131" width="1.75" style="113" customWidth="1"/>
    <col min="16132" max="16132" width="8.875" style="113"/>
    <col min="16133" max="16133" width="5" style="113" customWidth="1"/>
    <col min="16134" max="16134" width="1.625" style="113" customWidth="1"/>
    <col min="16135" max="16135" width="3.875" style="113" customWidth="1"/>
    <col min="16136" max="16136" width="2.125" style="113" customWidth="1"/>
    <col min="16137" max="16138" width="4" style="113" customWidth="1"/>
    <col min="16139" max="16139" width="13.75" style="113" customWidth="1"/>
    <col min="16140" max="16140" width="1.5" style="113" customWidth="1"/>
    <col min="16141" max="16141" width="3.5" style="113" customWidth="1"/>
    <col min="16142" max="16142" width="1.625" style="113" customWidth="1"/>
    <col min="16143" max="16143" width="72.5" style="113" customWidth="1"/>
    <col min="16144" max="16144" width="8.375" style="113" customWidth="1"/>
    <col min="16145" max="16148" width="0" style="113" hidden="1" customWidth="1"/>
    <col min="16149" max="16159" width="8.875" style="113"/>
    <col min="16160" max="16163" width="0" style="113" hidden="1" customWidth="1"/>
    <col min="16164" max="16171" width="10" style="113" customWidth="1"/>
    <col min="16172" max="16378" width="8.875" style="113"/>
    <col min="16379" max="16384" width="8.875" style="113" customWidth="1"/>
  </cols>
  <sheetData>
    <row r="1" spans="1:21" ht="15" thickBot="1">
      <c r="A1" s="192" t="s">
        <v>200</v>
      </c>
    </row>
    <row r="2" spans="1:21" ht="21">
      <c r="A2" s="374" t="s">
        <v>143</v>
      </c>
      <c r="B2" s="324"/>
      <c r="C2" s="324"/>
      <c r="D2" s="324"/>
      <c r="E2" s="324"/>
      <c r="F2" s="324"/>
      <c r="G2" s="324"/>
      <c r="H2" s="324"/>
      <c r="I2" s="324"/>
      <c r="J2" s="324"/>
      <c r="K2" s="324"/>
      <c r="L2" s="324"/>
      <c r="M2" s="324"/>
      <c r="N2" s="324"/>
      <c r="O2" s="324"/>
      <c r="P2" s="324"/>
      <c r="Q2" s="324"/>
      <c r="R2" s="117"/>
      <c r="S2" s="346" t="s">
        <v>106</v>
      </c>
      <c r="T2" s="347"/>
      <c r="U2" s="348"/>
    </row>
    <row r="3" spans="1:21" ht="21">
      <c r="A3" s="119"/>
      <c r="B3" s="97"/>
      <c r="C3" s="97"/>
      <c r="D3" s="97"/>
      <c r="E3" s="97"/>
      <c r="F3" s="97"/>
      <c r="G3" s="97"/>
      <c r="H3" s="97"/>
      <c r="I3" s="97"/>
      <c r="J3" s="97"/>
      <c r="K3" s="97"/>
      <c r="L3" s="97"/>
      <c r="M3" s="97"/>
      <c r="N3" s="97"/>
      <c r="O3" s="97"/>
      <c r="P3" s="97"/>
      <c r="Q3" s="97"/>
      <c r="R3" s="117"/>
      <c r="S3" s="120"/>
      <c r="T3" s="118"/>
      <c r="U3" s="121"/>
    </row>
    <row r="4" spans="1:21">
      <c r="S4" s="122"/>
      <c r="T4" s="118"/>
      <c r="U4" s="123"/>
    </row>
    <row r="5" spans="1:21">
      <c r="S5" s="122"/>
      <c r="T5" s="118"/>
      <c r="U5" s="123"/>
    </row>
    <row r="6" spans="1:21">
      <c r="O6" s="349"/>
      <c r="P6" s="349"/>
      <c r="Q6" s="349"/>
      <c r="R6" s="125"/>
      <c r="S6" s="122"/>
      <c r="T6" s="118"/>
      <c r="U6" s="123" t="s">
        <v>121</v>
      </c>
    </row>
    <row r="7" spans="1:21">
      <c r="R7" s="125"/>
      <c r="S7" s="122"/>
      <c r="T7" s="118"/>
      <c r="U7" s="123"/>
    </row>
    <row r="8" spans="1:21">
      <c r="A8" s="113" t="s">
        <v>71</v>
      </c>
      <c r="S8" s="122"/>
      <c r="T8" s="118"/>
      <c r="U8" s="123"/>
    </row>
    <row r="9" spans="1:21">
      <c r="S9" s="122"/>
      <c r="T9" s="118"/>
      <c r="U9" s="123"/>
    </row>
    <row r="10" spans="1:21">
      <c r="A10" s="126"/>
      <c r="B10" s="126"/>
      <c r="S10" s="122"/>
      <c r="T10" s="118"/>
      <c r="U10" s="123"/>
    </row>
    <row r="11" spans="1:21">
      <c r="S11" s="122"/>
      <c r="T11" s="118"/>
      <c r="U11" s="123"/>
    </row>
    <row r="12" spans="1:21" ht="20.25" customHeight="1">
      <c r="B12" s="125" t="s">
        <v>107</v>
      </c>
      <c r="D12" s="371" t="s">
        <v>108</v>
      </c>
      <c r="E12" s="371"/>
      <c r="F12" s="371"/>
      <c r="G12" s="372"/>
      <c r="H12" s="373"/>
      <c r="I12" s="373"/>
      <c r="J12" s="373"/>
      <c r="K12" s="373"/>
      <c r="L12" s="373"/>
      <c r="M12" s="373"/>
      <c r="N12" s="373"/>
      <c r="O12" s="373"/>
      <c r="P12" s="373"/>
      <c r="S12" s="122"/>
      <c r="T12" s="118"/>
      <c r="U12" s="123" t="s">
        <v>109</v>
      </c>
    </row>
    <row r="13" spans="1:21" ht="20.25" customHeight="1">
      <c r="B13" s="125"/>
      <c r="D13" s="371" t="s">
        <v>73</v>
      </c>
      <c r="E13" s="371"/>
      <c r="F13" s="371"/>
      <c r="G13" s="372"/>
      <c r="H13" s="373"/>
      <c r="I13" s="373"/>
      <c r="J13" s="373"/>
      <c r="K13" s="373"/>
      <c r="L13" s="373"/>
      <c r="M13" s="373"/>
      <c r="N13" s="373"/>
      <c r="O13" s="373"/>
      <c r="P13" s="373"/>
      <c r="Q13" s="127"/>
      <c r="S13" s="122"/>
      <c r="T13" s="118"/>
      <c r="U13" s="123" t="s">
        <v>110</v>
      </c>
    </row>
    <row r="14" spans="1:21" ht="20.25" customHeight="1">
      <c r="B14" s="125"/>
      <c r="D14" s="378" t="s">
        <v>111</v>
      </c>
      <c r="E14" s="378"/>
      <c r="F14" s="378"/>
      <c r="G14" s="379"/>
      <c r="H14" s="380"/>
      <c r="I14" s="380"/>
      <c r="J14" s="380"/>
      <c r="K14" s="380"/>
      <c r="L14" s="380"/>
      <c r="M14" s="380"/>
      <c r="N14" s="380"/>
      <c r="O14" s="380"/>
      <c r="P14" s="380"/>
      <c r="S14" s="122"/>
      <c r="T14" s="118"/>
      <c r="U14" s="123" t="s">
        <v>112</v>
      </c>
    </row>
    <row r="15" spans="1:21">
      <c r="S15" s="122"/>
      <c r="T15" s="118"/>
      <c r="U15" s="123"/>
    </row>
    <row r="16" spans="1:21">
      <c r="S16" s="122"/>
      <c r="T16" s="118"/>
      <c r="U16" s="123"/>
    </row>
    <row r="17" spans="1:34">
      <c r="S17" s="122"/>
      <c r="T17" s="118"/>
      <c r="U17" s="123"/>
    </row>
    <row r="18" spans="1:34">
      <c r="S18" s="122"/>
      <c r="T18" s="118"/>
      <c r="U18" s="123"/>
    </row>
    <row r="19" spans="1:34" ht="33.75" customHeight="1">
      <c r="A19" s="381" t="s">
        <v>137</v>
      </c>
      <c r="B19" s="381"/>
      <c r="C19" s="381"/>
      <c r="D19" s="381"/>
      <c r="E19" s="381"/>
      <c r="F19" s="381"/>
      <c r="G19" s="381"/>
      <c r="H19" s="381"/>
      <c r="I19" s="381"/>
      <c r="J19" s="381"/>
      <c r="K19" s="381"/>
      <c r="L19" s="381"/>
      <c r="M19" s="381"/>
      <c r="N19" s="381"/>
      <c r="O19" s="381"/>
      <c r="P19" s="381"/>
      <c r="Q19" s="381"/>
      <c r="S19" s="122"/>
      <c r="T19" s="118"/>
      <c r="U19" s="123"/>
    </row>
    <row r="20" spans="1:34">
      <c r="S20" s="122"/>
      <c r="T20" s="118"/>
      <c r="U20" s="123"/>
      <c r="AF20" s="128"/>
    </row>
    <row r="21" spans="1:34">
      <c r="S21" s="122"/>
      <c r="T21" s="118"/>
      <c r="U21" s="123"/>
      <c r="AF21" s="128"/>
    </row>
    <row r="22" spans="1:34">
      <c r="A22" s="113" t="s">
        <v>138</v>
      </c>
      <c r="C22" s="142" t="str">
        <f>IF(COUNTIF(N24:P27,"○")=0,"",COUNTIF(N24:P27,"○"))</f>
        <v/>
      </c>
      <c r="D22" s="382"/>
      <c r="E22" s="382"/>
      <c r="F22" s="382"/>
      <c r="G22" s="382"/>
      <c r="H22" s="382"/>
      <c r="I22" s="382"/>
      <c r="J22" s="382"/>
      <c r="K22" s="382"/>
      <c r="L22" s="382"/>
      <c r="M22" s="382"/>
      <c r="N22" s="382"/>
      <c r="O22" s="382"/>
      <c r="P22" s="382"/>
      <c r="Q22" s="357"/>
      <c r="S22" s="122"/>
      <c r="T22" s="118"/>
      <c r="U22" s="123"/>
      <c r="AF22" s="128"/>
    </row>
    <row r="23" spans="1:34" ht="23.25" customHeight="1">
      <c r="B23" s="162" t="s">
        <v>168</v>
      </c>
      <c r="C23" s="383" t="s">
        <v>139</v>
      </c>
      <c r="D23" s="355"/>
      <c r="E23" s="355"/>
      <c r="F23" s="355"/>
      <c r="G23" s="355"/>
      <c r="H23" s="355"/>
      <c r="I23" s="355"/>
      <c r="J23" s="355"/>
      <c r="K23" s="355"/>
      <c r="L23" s="355"/>
      <c r="M23" s="355"/>
      <c r="N23" s="355"/>
      <c r="O23" s="355"/>
      <c r="P23" s="356"/>
      <c r="Q23" s="357"/>
      <c r="S23" s="122"/>
      <c r="T23" s="118"/>
      <c r="U23" s="123"/>
    </row>
    <row r="24" spans="1:34" ht="42.75" customHeight="1">
      <c r="A24" s="129"/>
      <c r="B24" s="169"/>
      <c r="C24" s="361"/>
      <c r="D24" s="362"/>
      <c r="E24" s="362"/>
      <c r="F24" s="362"/>
      <c r="G24" s="362"/>
      <c r="H24" s="362"/>
      <c r="I24" s="362"/>
      <c r="J24" s="362"/>
      <c r="K24" s="362"/>
      <c r="L24" s="362"/>
      <c r="M24" s="362"/>
      <c r="N24" s="362"/>
      <c r="O24" s="362"/>
      <c r="P24" s="363"/>
      <c r="Q24" s="357"/>
      <c r="S24" s="130"/>
      <c r="T24" s="118"/>
      <c r="U24" s="123"/>
      <c r="AF24" s="132" t="s">
        <v>140</v>
      </c>
      <c r="AG24" s="133" t="s">
        <v>127</v>
      </c>
      <c r="AH24" s="134" t="str">
        <f>B24&amp;"："&amp;C24&amp;"・"&amp;I24&amp;"・"&amp;K24</f>
        <v>：・・</v>
      </c>
    </row>
    <row r="25" spans="1:34" ht="42.75" customHeight="1">
      <c r="A25" s="135"/>
      <c r="B25" s="170"/>
      <c r="C25" s="361"/>
      <c r="D25" s="362"/>
      <c r="E25" s="362"/>
      <c r="F25" s="362"/>
      <c r="G25" s="362"/>
      <c r="H25" s="362"/>
      <c r="I25" s="362"/>
      <c r="J25" s="362"/>
      <c r="K25" s="362"/>
      <c r="L25" s="362"/>
      <c r="M25" s="362"/>
      <c r="N25" s="362"/>
      <c r="O25" s="362"/>
      <c r="P25" s="363"/>
      <c r="Q25" s="357"/>
      <c r="S25" s="122"/>
      <c r="T25" s="118"/>
      <c r="U25" s="123"/>
      <c r="AF25" s="132" t="s">
        <v>129</v>
      </c>
      <c r="AG25" s="133" t="s">
        <v>130</v>
      </c>
      <c r="AH25" s="134" t="str">
        <f>B25&amp;"："&amp;C25&amp;"・"&amp;I25&amp;"・"&amp;K25</f>
        <v>：・・</v>
      </c>
    </row>
    <row r="26" spans="1:34" ht="42.75" customHeight="1">
      <c r="A26" s="135"/>
      <c r="B26" s="170"/>
      <c r="C26" s="361"/>
      <c r="D26" s="362"/>
      <c r="E26" s="362"/>
      <c r="F26" s="362"/>
      <c r="G26" s="362"/>
      <c r="H26" s="362"/>
      <c r="I26" s="362"/>
      <c r="J26" s="362"/>
      <c r="K26" s="362"/>
      <c r="L26" s="362"/>
      <c r="M26" s="362"/>
      <c r="N26" s="362"/>
      <c r="O26" s="362"/>
      <c r="P26" s="363"/>
      <c r="Q26" s="357"/>
      <c r="S26" s="122"/>
      <c r="T26" s="118"/>
      <c r="U26" s="123"/>
      <c r="AF26" s="132" t="s">
        <v>132</v>
      </c>
      <c r="AG26" s="133" t="s">
        <v>141</v>
      </c>
      <c r="AH26" s="134" t="str">
        <f>B26&amp;"："&amp;C26&amp;"・"&amp;I26&amp;"・"&amp;K26</f>
        <v>：・・</v>
      </c>
    </row>
    <row r="27" spans="1:34" ht="42.75" customHeight="1">
      <c r="A27" s="135"/>
      <c r="B27" s="170"/>
      <c r="C27" s="361"/>
      <c r="D27" s="362"/>
      <c r="E27" s="362"/>
      <c r="F27" s="362"/>
      <c r="G27" s="362"/>
      <c r="H27" s="362"/>
      <c r="I27" s="362"/>
      <c r="J27" s="362"/>
      <c r="K27" s="362"/>
      <c r="L27" s="362"/>
      <c r="M27" s="362"/>
      <c r="N27" s="362"/>
      <c r="O27" s="362"/>
      <c r="P27" s="363"/>
      <c r="Q27" s="357"/>
      <c r="S27" s="122"/>
      <c r="T27" s="118"/>
      <c r="U27" s="123"/>
      <c r="AG27" s="136" t="s">
        <v>142</v>
      </c>
      <c r="AH27" s="134" t="str">
        <f>B27&amp;"："&amp;C27&amp;"・"&amp;I27&amp;"・"&amp;K27</f>
        <v>：・・</v>
      </c>
    </row>
    <row r="28" spans="1:34" ht="6" customHeight="1">
      <c r="K28" s="375"/>
      <c r="L28" s="375"/>
      <c r="M28" s="375"/>
      <c r="N28" s="125"/>
      <c r="S28" s="122"/>
      <c r="T28" s="118"/>
      <c r="U28" s="123"/>
    </row>
    <row r="29" spans="1:34" ht="11.25" customHeight="1">
      <c r="B29" s="143"/>
      <c r="K29" s="375"/>
      <c r="L29" s="375"/>
      <c r="M29" s="375"/>
      <c r="N29" s="125"/>
      <c r="S29" s="122"/>
      <c r="T29" s="118"/>
      <c r="U29" s="123"/>
    </row>
    <row r="30" spans="1:34" s="91" customFormat="1" ht="11.25" customHeight="1">
      <c r="B30" s="144"/>
      <c r="C30" s="144"/>
      <c r="D30" s="144"/>
      <c r="E30" s="144"/>
      <c r="F30" s="144"/>
      <c r="G30" s="144"/>
      <c r="H30" s="144"/>
      <c r="I30" s="144"/>
      <c r="J30" s="144"/>
      <c r="K30" s="144"/>
      <c r="L30" s="144"/>
      <c r="M30" s="144"/>
      <c r="N30" s="144"/>
      <c r="O30" s="144"/>
      <c r="P30" s="144"/>
      <c r="S30" s="100"/>
      <c r="T30" s="95"/>
      <c r="U30" s="131"/>
    </row>
    <row r="31" spans="1:34" ht="11.25" customHeight="1" thickBot="1">
      <c r="N31" s="124"/>
      <c r="S31" s="140"/>
      <c r="T31" s="141"/>
      <c r="U31" s="145"/>
    </row>
    <row r="32" spans="1:34" ht="11.25" customHeight="1"/>
    <row r="33" spans="2:16" ht="11.25" customHeight="1">
      <c r="B33" s="91"/>
      <c r="C33" s="91"/>
      <c r="D33" s="91"/>
      <c r="E33" s="91"/>
      <c r="F33" s="91"/>
      <c r="G33" s="91"/>
      <c r="H33" s="91"/>
      <c r="I33" s="91"/>
      <c r="J33" s="91"/>
      <c r="K33" s="91"/>
      <c r="L33" s="91"/>
      <c r="M33" s="91"/>
      <c r="N33" s="91"/>
      <c r="O33" s="91"/>
      <c r="P33" s="91"/>
    </row>
    <row r="34" spans="2:16" ht="11.25" customHeight="1">
      <c r="J34" s="365" t="s">
        <v>117</v>
      </c>
      <c r="K34" s="365"/>
      <c r="L34" s="365"/>
      <c r="M34" s="365"/>
      <c r="N34" s="365"/>
      <c r="O34" s="365"/>
      <c r="P34" s="365"/>
    </row>
    <row r="35" spans="2:16" ht="11.25" customHeight="1">
      <c r="J35" s="365"/>
      <c r="K35" s="365"/>
      <c r="L35" s="365"/>
      <c r="M35" s="365"/>
      <c r="N35" s="365"/>
      <c r="O35" s="365"/>
      <c r="P35" s="365"/>
    </row>
    <row r="36" spans="2:16" ht="11.25" customHeight="1">
      <c r="J36" s="376"/>
      <c r="K36" s="377"/>
      <c r="L36" s="377"/>
      <c r="M36" s="377"/>
      <c r="N36" s="377"/>
      <c r="O36" s="377"/>
      <c r="P36" s="377"/>
    </row>
    <row r="37" spans="2:16" ht="11.25" customHeight="1">
      <c r="J37" s="377"/>
      <c r="K37" s="377"/>
      <c r="L37" s="377"/>
      <c r="M37" s="377"/>
      <c r="N37" s="377"/>
      <c r="O37" s="377"/>
      <c r="P37" s="377"/>
    </row>
    <row r="38" spans="2:16" ht="11.25" customHeight="1">
      <c r="J38" s="377"/>
      <c r="K38" s="377"/>
      <c r="L38" s="377"/>
      <c r="M38" s="377"/>
      <c r="N38" s="377"/>
      <c r="O38" s="377"/>
      <c r="P38" s="377"/>
    </row>
    <row r="39" spans="2:16" ht="11.25" customHeight="1">
      <c r="J39" s="377"/>
      <c r="K39" s="377"/>
      <c r="L39" s="377"/>
      <c r="M39" s="377"/>
      <c r="N39" s="377"/>
      <c r="O39" s="377"/>
      <c r="P39" s="377"/>
    </row>
    <row r="40" spans="2:16" ht="11.25" customHeight="1">
      <c r="J40" s="377"/>
      <c r="K40" s="377"/>
      <c r="L40" s="377"/>
      <c r="M40" s="377"/>
      <c r="N40" s="377"/>
      <c r="O40" s="377"/>
      <c r="P40" s="377"/>
    </row>
    <row r="41" spans="2:16" ht="11.25" customHeight="1">
      <c r="J41" s="377"/>
      <c r="K41" s="377"/>
      <c r="L41" s="377"/>
      <c r="M41" s="377"/>
      <c r="N41" s="377"/>
      <c r="O41" s="377"/>
      <c r="P41" s="377"/>
    </row>
    <row r="42" spans="2:16" ht="11.25" customHeight="1">
      <c r="J42" s="377"/>
      <c r="K42" s="377"/>
      <c r="L42" s="377"/>
      <c r="M42" s="377"/>
      <c r="N42" s="377"/>
      <c r="O42" s="377"/>
      <c r="P42" s="377"/>
    </row>
    <row r="43" spans="2:16" ht="11.25" customHeight="1"/>
    <row r="44" spans="2:16" ht="11.25" customHeight="1"/>
    <row r="45" spans="2:16" ht="11.25" customHeight="1"/>
    <row r="46" spans="2:16" ht="11.25" customHeight="1"/>
    <row r="47" spans="2:16" ht="11.25" customHeight="1"/>
    <row r="48" spans="2:16" ht="11.25" customHeight="1"/>
    <row r="49" ht="11.25" customHeight="1"/>
  </sheetData>
  <mergeCells count="21">
    <mergeCell ref="K28:M28"/>
    <mergeCell ref="K29:M29"/>
    <mergeCell ref="J34:P35"/>
    <mergeCell ref="J36:P42"/>
    <mergeCell ref="D14:F14"/>
    <mergeCell ref="G14:P14"/>
    <mergeCell ref="A19:Q19"/>
    <mergeCell ref="D22:P22"/>
    <mergeCell ref="Q22:Q27"/>
    <mergeCell ref="C27:P27"/>
    <mergeCell ref="C23:P23"/>
    <mergeCell ref="C24:P24"/>
    <mergeCell ref="C25:P25"/>
    <mergeCell ref="C26:P26"/>
    <mergeCell ref="D13:F13"/>
    <mergeCell ref="G13:P13"/>
    <mergeCell ref="A2:Q2"/>
    <mergeCell ref="S2:U2"/>
    <mergeCell ref="O6:Q6"/>
    <mergeCell ref="D12:F12"/>
    <mergeCell ref="G12:P12"/>
  </mergeCells>
  <phoneticPr fontId="6"/>
  <conditionalFormatting sqref="G12:G14 H13:O14 R6:R7 O6:Q6">
    <cfRule type="cellIs" dxfId="3" priority="4" stopIfTrue="1" operator="equal">
      <formula>""</formula>
    </cfRule>
  </conditionalFormatting>
  <conditionalFormatting sqref="D22">
    <cfRule type="expression" dxfId="2" priority="3" stopIfTrue="1">
      <formula>COUNTIF($N$24:$P$27,"○")&gt;4</formula>
    </cfRule>
  </conditionalFormatting>
  <conditionalFormatting sqref="B24:P27">
    <cfRule type="cellIs" dxfId="1" priority="2" operator="equal">
      <formula>""</formula>
    </cfRule>
  </conditionalFormatting>
  <conditionalFormatting sqref="K34:P35 J34:J36">
    <cfRule type="cellIs" dxfId="0" priority="1" operator="equal">
      <formula>""</formula>
    </cfRule>
  </conditionalFormatting>
  <dataValidations count="6">
    <dataValidation type="custom" imeMode="halfAlpha" allowBlank="1" showInputMessage="1" showErrorMessage="1" errorTitle="入力内容に誤りがあります" error="半角英数字で入力してください" sqref="WVK983054:WVO983056 WLO983054:WLS983056 WBS983054:WBW983056 VRW983054:VSA983056 VIA983054:VIE983056 UYE983054:UYI983056 UOI983054:UOM983056 UEM983054:UEQ983056 TUQ983054:TUU983056 TKU983054:TKY983056 TAY983054:TBC983056 SRC983054:SRG983056 SHG983054:SHK983056 RXK983054:RXO983056 RNO983054:RNS983056 RDS983054:RDW983056 QTW983054:QUA983056 QKA983054:QKE983056 QAE983054:QAI983056 PQI983054:PQM983056 PGM983054:PGQ983056 OWQ983054:OWU983056 OMU983054:OMY983056 OCY983054:ODC983056 NTC983054:NTG983056 NJG983054:NJK983056 MZK983054:MZO983056 MPO983054:MPS983056 MFS983054:MFW983056 LVW983054:LWA983056 LMA983054:LME983056 LCE983054:LCI983056 KSI983054:KSM983056 KIM983054:KIQ983056 JYQ983054:JYU983056 JOU983054:JOY983056 JEY983054:JFC983056 IVC983054:IVG983056 ILG983054:ILK983056 IBK983054:IBO983056 HRO983054:HRS983056 HHS983054:HHW983056 GXW983054:GYA983056 GOA983054:GOE983056 GEE983054:GEI983056 FUI983054:FUM983056 FKM983054:FKQ983056 FAQ983054:FAU983056 EQU983054:EQY983056 EGY983054:EHC983056 DXC983054:DXG983056 DNG983054:DNK983056 DDK983054:DDO983056 CTO983054:CTS983056 CJS983054:CJW983056 BZW983054:CAA983056 BQA983054:BQE983056 BGE983054:BGI983056 AWI983054:AWM983056 AMM983054:AMQ983056 ACQ983054:ACU983056 SU983054:SY983056 IY983054:JC983056 I983054:M983056 WVK917518:WVO917520 WLO917518:WLS917520 WBS917518:WBW917520 VRW917518:VSA917520 VIA917518:VIE917520 UYE917518:UYI917520 UOI917518:UOM917520 UEM917518:UEQ917520 TUQ917518:TUU917520 TKU917518:TKY917520 TAY917518:TBC917520 SRC917518:SRG917520 SHG917518:SHK917520 RXK917518:RXO917520 RNO917518:RNS917520 RDS917518:RDW917520 QTW917518:QUA917520 QKA917518:QKE917520 QAE917518:QAI917520 PQI917518:PQM917520 PGM917518:PGQ917520 OWQ917518:OWU917520 OMU917518:OMY917520 OCY917518:ODC917520 NTC917518:NTG917520 NJG917518:NJK917520 MZK917518:MZO917520 MPO917518:MPS917520 MFS917518:MFW917520 LVW917518:LWA917520 LMA917518:LME917520 LCE917518:LCI917520 KSI917518:KSM917520 KIM917518:KIQ917520 JYQ917518:JYU917520 JOU917518:JOY917520 JEY917518:JFC917520 IVC917518:IVG917520 ILG917518:ILK917520 IBK917518:IBO917520 HRO917518:HRS917520 HHS917518:HHW917520 GXW917518:GYA917520 GOA917518:GOE917520 GEE917518:GEI917520 FUI917518:FUM917520 FKM917518:FKQ917520 FAQ917518:FAU917520 EQU917518:EQY917520 EGY917518:EHC917520 DXC917518:DXG917520 DNG917518:DNK917520 DDK917518:DDO917520 CTO917518:CTS917520 CJS917518:CJW917520 BZW917518:CAA917520 BQA917518:BQE917520 BGE917518:BGI917520 AWI917518:AWM917520 AMM917518:AMQ917520 ACQ917518:ACU917520 SU917518:SY917520 IY917518:JC917520 I917518:M917520 WVK851982:WVO851984 WLO851982:WLS851984 WBS851982:WBW851984 VRW851982:VSA851984 VIA851982:VIE851984 UYE851982:UYI851984 UOI851982:UOM851984 UEM851982:UEQ851984 TUQ851982:TUU851984 TKU851982:TKY851984 TAY851982:TBC851984 SRC851982:SRG851984 SHG851982:SHK851984 RXK851982:RXO851984 RNO851982:RNS851984 RDS851982:RDW851984 QTW851982:QUA851984 QKA851982:QKE851984 QAE851982:QAI851984 PQI851982:PQM851984 PGM851982:PGQ851984 OWQ851982:OWU851984 OMU851982:OMY851984 OCY851982:ODC851984 NTC851982:NTG851984 NJG851982:NJK851984 MZK851982:MZO851984 MPO851982:MPS851984 MFS851982:MFW851984 LVW851982:LWA851984 LMA851982:LME851984 LCE851982:LCI851984 KSI851982:KSM851984 KIM851982:KIQ851984 JYQ851982:JYU851984 JOU851982:JOY851984 JEY851982:JFC851984 IVC851982:IVG851984 ILG851982:ILK851984 IBK851982:IBO851984 HRO851982:HRS851984 HHS851982:HHW851984 GXW851982:GYA851984 GOA851982:GOE851984 GEE851982:GEI851984 FUI851982:FUM851984 FKM851982:FKQ851984 FAQ851982:FAU851984 EQU851982:EQY851984 EGY851982:EHC851984 DXC851982:DXG851984 DNG851982:DNK851984 DDK851982:DDO851984 CTO851982:CTS851984 CJS851982:CJW851984 BZW851982:CAA851984 BQA851982:BQE851984 BGE851982:BGI851984 AWI851982:AWM851984 AMM851982:AMQ851984 ACQ851982:ACU851984 SU851982:SY851984 IY851982:JC851984 I851982:M851984 WVK786446:WVO786448 WLO786446:WLS786448 WBS786446:WBW786448 VRW786446:VSA786448 VIA786446:VIE786448 UYE786446:UYI786448 UOI786446:UOM786448 UEM786446:UEQ786448 TUQ786446:TUU786448 TKU786446:TKY786448 TAY786446:TBC786448 SRC786446:SRG786448 SHG786446:SHK786448 RXK786446:RXO786448 RNO786446:RNS786448 RDS786446:RDW786448 QTW786446:QUA786448 QKA786446:QKE786448 QAE786446:QAI786448 PQI786446:PQM786448 PGM786446:PGQ786448 OWQ786446:OWU786448 OMU786446:OMY786448 OCY786446:ODC786448 NTC786446:NTG786448 NJG786446:NJK786448 MZK786446:MZO786448 MPO786446:MPS786448 MFS786446:MFW786448 LVW786446:LWA786448 LMA786446:LME786448 LCE786446:LCI786448 KSI786446:KSM786448 KIM786446:KIQ786448 JYQ786446:JYU786448 JOU786446:JOY786448 JEY786446:JFC786448 IVC786446:IVG786448 ILG786446:ILK786448 IBK786446:IBO786448 HRO786446:HRS786448 HHS786446:HHW786448 GXW786446:GYA786448 GOA786446:GOE786448 GEE786446:GEI786448 FUI786446:FUM786448 FKM786446:FKQ786448 FAQ786446:FAU786448 EQU786446:EQY786448 EGY786446:EHC786448 DXC786446:DXG786448 DNG786446:DNK786448 DDK786446:DDO786448 CTO786446:CTS786448 CJS786446:CJW786448 BZW786446:CAA786448 BQA786446:BQE786448 BGE786446:BGI786448 AWI786446:AWM786448 AMM786446:AMQ786448 ACQ786446:ACU786448 SU786446:SY786448 IY786446:JC786448 I786446:M786448 WVK720910:WVO720912 WLO720910:WLS720912 WBS720910:WBW720912 VRW720910:VSA720912 VIA720910:VIE720912 UYE720910:UYI720912 UOI720910:UOM720912 UEM720910:UEQ720912 TUQ720910:TUU720912 TKU720910:TKY720912 TAY720910:TBC720912 SRC720910:SRG720912 SHG720910:SHK720912 RXK720910:RXO720912 RNO720910:RNS720912 RDS720910:RDW720912 QTW720910:QUA720912 QKA720910:QKE720912 QAE720910:QAI720912 PQI720910:PQM720912 PGM720910:PGQ720912 OWQ720910:OWU720912 OMU720910:OMY720912 OCY720910:ODC720912 NTC720910:NTG720912 NJG720910:NJK720912 MZK720910:MZO720912 MPO720910:MPS720912 MFS720910:MFW720912 LVW720910:LWA720912 LMA720910:LME720912 LCE720910:LCI720912 KSI720910:KSM720912 KIM720910:KIQ720912 JYQ720910:JYU720912 JOU720910:JOY720912 JEY720910:JFC720912 IVC720910:IVG720912 ILG720910:ILK720912 IBK720910:IBO720912 HRO720910:HRS720912 HHS720910:HHW720912 GXW720910:GYA720912 GOA720910:GOE720912 GEE720910:GEI720912 FUI720910:FUM720912 FKM720910:FKQ720912 FAQ720910:FAU720912 EQU720910:EQY720912 EGY720910:EHC720912 DXC720910:DXG720912 DNG720910:DNK720912 DDK720910:DDO720912 CTO720910:CTS720912 CJS720910:CJW720912 BZW720910:CAA720912 BQA720910:BQE720912 BGE720910:BGI720912 AWI720910:AWM720912 AMM720910:AMQ720912 ACQ720910:ACU720912 SU720910:SY720912 IY720910:JC720912 I720910:M720912 WVK655374:WVO655376 WLO655374:WLS655376 WBS655374:WBW655376 VRW655374:VSA655376 VIA655374:VIE655376 UYE655374:UYI655376 UOI655374:UOM655376 UEM655374:UEQ655376 TUQ655374:TUU655376 TKU655374:TKY655376 TAY655374:TBC655376 SRC655374:SRG655376 SHG655374:SHK655376 RXK655374:RXO655376 RNO655374:RNS655376 RDS655374:RDW655376 QTW655374:QUA655376 QKA655374:QKE655376 QAE655374:QAI655376 PQI655374:PQM655376 PGM655374:PGQ655376 OWQ655374:OWU655376 OMU655374:OMY655376 OCY655374:ODC655376 NTC655374:NTG655376 NJG655374:NJK655376 MZK655374:MZO655376 MPO655374:MPS655376 MFS655374:MFW655376 LVW655374:LWA655376 LMA655374:LME655376 LCE655374:LCI655376 KSI655374:KSM655376 KIM655374:KIQ655376 JYQ655374:JYU655376 JOU655374:JOY655376 JEY655374:JFC655376 IVC655374:IVG655376 ILG655374:ILK655376 IBK655374:IBO655376 HRO655374:HRS655376 HHS655374:HHW655376 GXW655374:GYA655376 GOA655374:GOE655376 GEE655374:GEI655376 FUI655374:FUM655376 FKM655374:FKQ655376 FAQ655374:FAU655376 EQU655374:EQY655376 EGY655374:EHC655376 DXC655374:DXG655376 DNG655374:DNK655376 DDK655374:DDO655376 CTO655374:CTS655376 CJS655374:CJW655376 BZW655374:CAA655376 BQA655374:BQE655376 BGE655374:BGI655376 AWI655374:AWM655376 AMM655374:AMQ655376 ACQ655374:ACU655376 SU655374:SY655376 IY655374:JC655376 I655374:M655376 WVK589838:WVO589840 WLO589838:WLS589840 WBS589838:WBW589840 VRW589838:VSA589840 VIA589838:VIE589840 UYE589838:UYI589840 UOI589838:UOM589840 UEM589838:UEQ589840 TUQ589838:TUU589840 TKU589838:TKY589840 TAY589838:TBC589840 SRC589838:SRG589840 SHG589838:SHK589840 RXK589838:RXO589840 RNO589838:RNS589840 RDS589838:RDW589840 QTW589838:QUA589840 QKA589838:QKE589840 QAE589838:QAI589840 PQI589838:PQM589840 PGM589838:PGQ589840 OWQ589838:OWU589840 OMU589838:OMY589840 OCY589838:ODC589840 NTC589838:NTG589840 NJG589838:NJK589840 MZK589838:MZO589840 MPO589838:MPS589840 MFS589838:MFW589840 LVW589838:LWA589840 LMA589838:LME589840 LCE589838:LCI589840 KSI589838:KSM589840 KIM589838:KIQ589840 JYQ589838:JYU589840 JOU589838:JOY589840 JEY589838:JFC589840 IVC589838:IVG589840 ILG589838:ILK589840 IBK589838:IBO589840 HRO589838:HRS589840 HHS589838:HHW589840 GXW589838:GYA589840 GOA589838:GOE589840 GEE589838:GEI589840 FUI589838:FUM589840 FKM589838:FKQ589840 FAQ589838:FAU589840 EQU589838:EQY589840 EGY589838:EHC589840 DXC589838:DXG589840 DNG589838:DNK589840 DDK589838:DDO589840 CTO589838:CTS589840 CJS589838:CJW589840 BZW589838:CAA589840 BQA589838:BQE589840 BGE589838:BGI589840 AWI589838:AWM589840 AMM589838:AMQ589840 ACQ589838:ACU589840 SU589838:SY589840 IY589838:JC589840 I589838:M589840 WVK524302:WVO524304 WLO524302:WLS524304 WBS524302:WBW524304 VRW524302:VSA524304 VIA524302:VIE524304 UYE524302:UYI524304 UOI524302:UOM524304 UEM524302:UEQ524304 TUQ524302:TUU524304 TKU524302:TKY524304 TAY524302:TBC524304 SRC524302:SRG524304 SHG524302:SHK524304 RXK524302:RXO524304 RNO524302:RNS524304 RDS524302:RDW524304 QTW524302:QUA524304 QKA524302:QKE524304 QAE524302:QAI524304 PQI524302:PQM524304 PGM524302:PGQ524304 OWQ524302:OWU524304 OMU524302:OMY524304 OCY524302:ODC524304 NTC524302:NTG524304 NJG524302:NJK524304 MZK524302:MZO524304 MPO524302:MPS524304 MFS524302:MFW524304 LVW524302:LWA524304 LMA524302:LME524304 LCE524302:LCI524304 KSI524302:KSM524304 KIM524302:KIQ524304 JYQ524302:JYU524304 JOU524302:JOY524304 JEY524302:JFC524304 IVC524302:IVG524304 ILG524302:ILK524304 IBK524302:IBO524304 HRO524302:HRS524304 HHS524302:HHW524304 GXW524302:GYA524304 GOA524302:GOE524304 GEE524302:GEI524304 FUI524302:FUM524304 FKM524302:FKQ524304 FAQ524302:FAU524304 EQU524302:EQY524304 EGY524302:EHC524304 DXC524302:DXG524304 DNG524302:DNK524304 DDK524302:DDO524304 CTO524302:CTS524304 CJS524302:CJW524304 BZW524302:CAA524304 BQA524302:BQE524304 BGE524302:BGI524304 AWI524302:AWM524304 AMM524302:AMQ524304 ACQ524302:ACU524304 SU524302:SY524304 IY524302:JC524304 I524302:M524304 WVK458766:WVO458768 WLO458766:WLS458768 WBS458766:WBW458768 VRW458766:VSA458768 VIA458766:VIE458768 UYE458766:UYI458768 UOI458766:UOM458768 UEM458766:UEQ458768 TUQ458766:TUU458768 TKU458766:TKY458768 TAY458766:TBC458768 SRC458766:SRG458768 SHG458766:SHK458768 RXK458766:RXO458768 RNO458766:RNS458768 RDS458766:RDW458768 QTW458766:QUA458768 QKA458766:QKE458768 QAE458766:QAI458768 PQI458766:PQM458768 PGM458766:PGQ458768 OWQ458766:OWU458768 OMU458766:OMY458768 OCY458766:ODC458768 NTC458766:NTG458768 NJG458766:NJK458768 MZK458766:MZO458768 MPO458766:MPS458768 MFS458766:MFW458768 LVW458766:LWA458768 LMA458766:LME458768 LCE458766:LCI458768 KSI458766:KSM458768 KIM458766:KIQ458768 JYQ458766:JYU458768 JOU458766:JOY458768 JEY458766:JFC458768 IVC458766:IVG458768 ILG458766:ILK458768 IBK458766:IBO458768 HRO458766:HRS458768 HHS458766:HHW458768 GXW458766:GYA458768 GOA458766:GOE458768 GEE458766:GEI458768 FUI458766:FUM458768 FKM458766:FKQ458768 FAQ458766:FAU458768 EQU458766:EQY458768 EGY458766:EHC458768 DXC458766:DXG458768 DNG458766:DNK458768 DDK458766:DDO458768 CTO458766:CTS458768 CJS458766:CJW458768 BZW458766:CAA458768 BQA458766:BQE458768 BGE458766:BGI458768 AWI458766:AWM458768 AMM458766:AMQ458768 ACQ458766:ACU458768 SU458766:SY458768 IY458766:JC458768 I458766:M458768 WVK393230:WVO393232 WLO393230:WLS393232 WBS393230:WBW393232 VRW393230:VSA393232 VIA393230:VIE393232 UYE393230:UYI393232 UOI393230:UOM393232 UEM393230:UEQ393232 TUQ393230:TUU393232 TKU393230:TKY393232 TAY393230:TBC393232 SRC393230:SRG393232 SHG393230:SHK393232 RXK393230:RXO393232 RNO393230:RNS393232 RDS393230:RDW393232 QTW393230:QUA393232 QKA393230:QKE393232 QAE393230:QAI393232 PQI393230:PQM393232 PGM393230:PGQ393232 OWQ393230:OWU393232 OMU393230:OMY393232 OCY393230:ODC393232 NTC393230:NTG393232 NJG393230:NJK393232 MZK393230:MZO393232 MPO393230:MPS393232 MFS393230:MFW393232 LVW393230:LWA393232 LMA393230:LME393232 LCE393230:LCI393232 KSI393230:KSM393232 KIM393230:KIQ393232 JYQ393230:JYU393232 JOU393230:JOY393232 JEY393230:JFC393232 IVC393230:IVG393232 ILG393230:ILK393232 IBK393230:IBO393232 HRO393230:HRS393232 HHS393230:HHW393232 GXW393230:GYA393232 GOA393230:GOE393232 GEE393230:GEI393232 FUI393230:FUM393232 FKM393230:FKQ393232 FAQ393230:FAU393232 EQU393230:EQY393232 EGY393230:EHC393232 DXC393230:DXG393232 DNG393230:DNK393232 DDK393230:DDO393232 CTO393230:CTS393232 CJS393230:CJW393232 BZW393230:CAA393232 BQA393230:BQE393232 BGE393230:BGI393232 AWI393230:AWM393232 AMM393230:AMQ393232 ACQ393230:ACU393232 SU393230:SY393232 IY393230:JC393232 I393230:M393232 WVK327694:WVO327696 WLO327694:WLS327696 WBS327694:WBW327696 VRW327694:VSA327696 VIA327694:VIE327696 UYE327694:UYI327696 UOI327694:UOM327696 UEM327694:UEQ327696 TUQ327694:TUU327696 TKU327694:TKY327696 TAY327694:TBC327696 SRC327694:SRG327696 SHG327694:SHK327696 RXK327694:RXO327696 RNO327694:RNS327696 RDS327694:RDW327696 QTW327694:QUA327696 QKA327694:QKE327696 QAE327694:QAI327696 PQI327694:PQM327696 PGM327694:PGQ327696 OWQ327694:OWU327696 OMU327694:OMY327696 OCY327694:ODC327696 NTC327694:NTG327696 NJG327694:NJK327696 MZK327694:MZO327696 MPO327694:MPS327696 MFS327694:MFW327696 LVW327694:LWA327696 LMA327694:LME327696 LCE327694:LCI327696 KSI327694:KSM327696 KIM327694:KIQ327696 JYQ327694:JYU327696 JOU327694:JOY327696 JEY327694:JFC327696 IVC327694:IVG327696 ILG327694:ILK327696 IBK327694:IBO327696 HRO327694:HRS327696 HHS327694:HHW327696 GXW327694:GYA327696 GOA327694:GOE327696 GEE327694:GEI327696 FUI327694:FUM327696 FKM327694:FKQ327696 FAQ327694:FAU327696 EQU327694:EQY327696 EGY327694:EHC327696 DXC327694:DXG327696 DNG327694:DNK327696 DDK327694:DDO327696 CTO327694:CTS327696 CJS327694:CJW327696 BZW327694:CAA327696 BQA327694:BQE327696 BGE327694:BGI327696 AWI327694:AWM327696 AMM327694:AMQ327696 ACQ327694:ACU327696 SU327694:SY327696 IY327694:JC327696 I327694:M327696 WVK262158:WVO262160 WLO262158:WLS262160 WBS262158:WBW262160 VRW262158:VSA262160 VIA262158:VIE262160 UYE262158:UYI262160 UOI262158:UOM262160 UEM262158:UEQ262160 TUQ262158:TUU262160 TKU262158:TKY262160 TAY262158:TBC262160 SRC262158:SRG262160 SHG262158:SHK262160 RXK262158:RXO262160 RNO262158:RNS262160 RDS262158:RDW262160 QTW262158:QUA262160 QKA262158:QKE262160 QAE262158:QAI262160 PQI262158:PQM262160 PGM262158:PGQ262160 OWQ262158:OWU262160 OMU262158:OMY262160 OCY262158:ODC262160 NTC262158:NTG262160 NJG262158:NJK262160 MZK262158:MZO262160 MPO262158:MPS262160 MFS262158:MFW262160 LVW262158:LWA262160 LMA262158:LME262160 LCE262158:LCI262160 KSI262158:KSM262160 KIM262158:KIQ262160 JYQ262158:JYU262160 JOU262158:JOY262160 JEY262158:JFC262160 IVC262158:IVG262160 ILG262158:ILK262160 IBK262158:IBO262160 HRO262158:HRS262160 HHS262158:HHW262160 GXW262158:GYA262160 GOA262158:GOE262160 GEE262158:GEI262160 FUI262158:FUM262160 FKM262158:FKQ262160 FAQ262158:FAU262160 EQU262158:EQY262160 EGY262158:EHC262160 DXC262158:DXG262160 DNG262158:DNK262160 DDK262158:DDO262160 CTO262158:CTS262160 CJS262158:CJW262160 BZW262158:CAA262160 BQA262158:BQE262160 BGE262158:BGI262160 AWI262158:AWM262160 AMM262158:AMQ262160 ACQ262158:ACU262160 SU262158:SY262160 IY262158:JC262160 I262158:M262160 WVK196622:WVO196624 WLO196622:WLS196624 WBS196622:WBW196624 VRW196622:VSA196624 VIA196622:VIE196624 UYE196622:UYI196624 UOI196622:UOM196624 UEM196622:UEQ196624 TUQ196622:TUU196624 TKU196622:TKY196624 TAY196622:TBC196624 SRC196622:SRG196624 SHG196622:SHK196624 RXK196622:RXO196624 RNO196622:RNS196624 RDS196622:RDW196624 QTW196622:QUA196624 QKA196622:QKE196624 QAE196622:QAI196624 PQI196622:PQM196624 PGM196622:PGQ196624 OWQ196622:OWU196624 OMU196622:OMY196624 OCY196622:ODC196624 NTC196622:NTG196624 NJG196622:NJK196624 MZK196622:MZO196624 MPO196622:MPS196624 MFS196622:MFW196624 LVW196622:LWA196624 LMA196622:LME196624 LCE196622:LCI196624 KSI196622:KSM196624 KIM196622:KIQ196624 JYQ196622:JYU196624 JOU196622:JOY196624 JEY196622:JFC196624 IVC196622:IVG196624 ILG196622:ILK196624 IBK196622:IBO196624 HRO196622:HRS196624 HHS196622:HHW196624 GXW196622:GYA196624 GOA196622:GOE196624 GEE196622:GEI196624 FUI196622:FUM196624 FKM196622:FKQ196624 FAQ196622:FAU196624 EQU196622:EQY196624 EGY196622:EHC196624 DXC196622:DXG196624 DNG196622:DNK196624 DDK196622:DDO196624 CTO196622:CTS196624 CJS196622:CJW196624 BZW196622:CAA196624 BQA196622:BQE196624 BGE196622:BGI196624 AWI196622:AWM196624 AMM196622:AMQ196624 ACQ196622:ACU196624 SU196622:SY196624 IY196622:JC196624 I196622:M196624 WVK131086:WVO131088 WLO131086:WLS131088 WBS131086:WBW131088 VRW131086:VSA131088 VIA131086:VIE131088 UYE131086:UYI131088 UOI131086:UOM131088 UEM131086:UEQ131088 TUQ131086:TUU131088 TKU131086:TKY131088 TAY131086:TBC131088 SRC131086:SRG131088 SHG131086:SHK131088 RXK131086:RXO131088 RNO131086:RNS131088 RDS131086:RDW131088 QTW131086:QUA131088 QKA131086:QKE131088 QAE131086:QAI131088 PQI131086:PQM131088 PGM131086:PGQ131088 OWQ131086:OWU131088 OMU131086:OMY131088 OCY131086:ODC131088 NTC131086:NTG131088 NJG131086:NJK131088 MZK131086:MZO131088 MPO131086:MPS131088 MFS131086:MFW131088 LVW131086:LWA131088 LMA131086:LME131088 LCE131086:LCI131088 KSI131086:KSM131088 KIM131086:KIQ131088 JYQ131086:JYU131088 JOU131086:JOY131088 JEY131086:JFC131088 IVC131086:IVG131088 ILG131086:ILK131088 IBK131086:IBO131088 HRO131086:HRS131088 HHS131086:HHW131088 GXW131086:GYA131088 GOA131086:GOE131088 GEE131086:GEI131088 FUI131086:FUM131088 FKM131086:FKQ131088 FAQ131086:FAU131088 EQU131086:EQY131088 EGY131086:EHC131088 DXC131086:DXG131088 DNG131086:DNK131088 DDK131086:DDO131088 CTO131086:CTS131088 CJS131086:CJW131088 BZW131086:CAA131088 BQA131086:BQE131088 BGE131086:BGI131088 AWI131086:AWM131088 AMM131086:AMQ131088 ACQ131086:ACU131088 SU131086:SY131088 IY131086:JC131088 I131086:M131088 WVK65550:WVO65552 WLO65550:WLS65552 WBS65550:WBW65552 VRW65550:VSA65552 VIA65550:VIE65552 UYE65550:UYI65552 UOI65550:UOM65552 UEM65550:UEQ65552 TUQ65550:TUU65552 TKU65550:TKY65552 TAY65550:TBC65552 SRC65550:SRG65552 SHG65550:SHK65552 RXK65550:RXO65552 RNO65550:RNS65552 RDS65550:RDW65552 QTW65550:QUA65552 QKA65550:QKE65552 QAE65550:QAI65552 PQI65550:PQM65552 PGM65550:PGQ65552 OWQ65550:OWU65552 OMU65550:OMY65552 OCY65550:ODC65552 NTC65550:NTG65552 NJG65550:NJK65552 MZK65550:MZO65552 MPO65550:MPS65552 MFS65550:MFW65552 LVW65550:LWA65552 LMA65550:LME65552 LCE65550:LCI65552 KSI65550:KSM65552 KIM65550:KIQ65552 JYQ65550:JYU65552 JOU65550:JOY65552 JEY65550:JFC65552 IVC65550:IVG65552 ILG65550:ILK65552 IBK65550:IBO65552 HRO65550:HRS65552 HHS65550:HHW65552 GXW65550:GYA65552 GOA65550:GOE65552 GEE65550:GEI65552 FUI65550:FUM65552 FKM65550:FKQ65552 FAQ65550:FAU65552 EQU65550:EQY65552 EGY65550:EHC65552 DXC65550:DXG65552 DNG65550:DNK65552 DDK65550:DDO65552 CTO65550:CTS65552 CJS65550:CJW65552 BZW65550:CAA65552 BQA65550:BQE65552 BGE65550:BGI65552 AWI65550:AWM65552 AMM65550:AMQ65552 ACQ65550:ACU65552 SU65550:SY65552 IY65550:JC65552 I65550:M65552 WVK983049:WVK983051 WLO983049:WLO983051 WBS983049:WBS983051 VRW983049:VRW983051 VIA983049:VIA983051 UYE983049:UYE983051 UOI983049:UOI983051 UEM983049:UEM983051 TUQ983049:TUQ983051 TKU983049:TKU983051 TAY983049:TAY983051 SRC983049:SRC983051 SHG983049:SHG983051 RXK983049:RXK983051 RNO983049:RNO983051 RDS983049:RDS983051 QTW983049:QTW983051 QKA983049:QKA983051 QAE983049:QAE983051 PQI983049:PQI983051 PGM983049:PGM983051 OWQ983049:OWQ983051 OMU983049:OMU983051 OCY983049:OCY983051 NTC983049:NTC983051 NJG983049:NJG983051 MZK983049:MZK983051 MPO983049:MPO983051 MFS983049:MFS983051 LVW983049:LVW983051 LMA983049:LMA983051 LCE983049:LCE983051 KSI983049:KSI983051 KIM983049:KIM983051 JYQ983049:JYQ983051 JOU983049:JOU983051 JEY983049:JEY983051 IVC983049:IVC983051 ILG983049:ILG983051 IBK983049:IBK983051 HRO983049:HRO983051 HHS983049:HHS983051 GXW983049:GXW983051 GOA983049:GOA983051 GEE983049:GEE983051 FUI983049:FUI983051 FKM983049:FKM983051 FAQ983049:FAQ983051 EQU983049:EQU983051 EGY983049:EGY983051 DXC983049:DXC983051 DNG983049:DNG983051 DDK983049:DDK983051 CTO983049:CTO983051 CJS983049:CJS983051 BZW983049:BZW983051 BQA983049:BQA983051 BGE983049:BGE983051 AWI983049:AWI983051 AMM983049:AMM983051 ACQ983049:ACQ983051 SU983049:SU983051 IY983049:IY983051 I983049:I983051 WVK917513:WVK917515 WLO917513:WLO917515 WBS917513:WBS917515 VRW917513:VRW917515 VIA917513:VIA917515 UYE917513:UYE917515 UOI917513:UOI917515 UEM917513:UEM917515 TUQ917513:TUQ917515 TKU917513:TKU917515 TAY917513:TAY917515 SRC917513:SRC917515 SHG917513:SHG917515 RXK917513:RXK917515 RNO917513:RNO917515 RDS917513:RDS917515 QTW917513:QTW917515 QKA917513:QKA917515 QAE917513:QAE917515 PQI917513:PQI917515 PGM917513:PGM917515 OWQ917513:OWQ917515 OMU917513:OMU917515 OCY917513:OCY917515 NTC917513:NTC917515 NJG917513:NJG917515 MZK917513:MZK917515 MPO917513:MPO917515 MFS917513:MFS917515 LVW917513:LVW917515 LMA917513:LMA917515 LCE917513:LCE917515 KSI917513:KSI917515 KIM917513:KIM917515 JYQ917513:JYQ917515 JOU917513:JOU917515 JEY917513:JEY917515 IVC917513:IVC917515 ILG917513:ILG917515 IBK917513:IBK917515 HRO917513:HRO917515 HHS917513:HHS917515 GXW917513:GXW917515 GOA917513:GOA917515 GEE917513:GEE917515 FUI917513:FUI917515 FKM917513:FKM917515 FAQ917513:FAQ917515 EQU917513:EQU917515 EGY917513:EGY917515 DXC917513:DXC917515 DNG917513:DNG917515 DDK917513:DDK917515 CTO917513:CTO917515 CJS917513:CJS917515 BZW917513:BZW917515 BQA917513:BQA917515 BGE917513:BGE917515 AWI917513:AWI917515 AMM917513:AMM917515 ACQ917513:ACQ917515 SU917513:SU917515 IY917513:IY917515 I917513:I917515 WVK851977:WVK851979 WLO851977:WLO851979 WBS851977:WBS851979 VRW851977:VRW851979 VIA851977:VIA851979 UYE851977:UYE851979 UOI851977:UOI851979 UEM851977:UEM851979 TUQ851977:TUQ851979 TKU851977:TKU851979 TAY851977:TAY851979 SRC851977:SRC851979 SHG851977:SHG851979 RXK851977:RXK851979 RNO851977:RNO851979 RDS851977:RDS851979 QTW851977:QTW851979 QKA851977:QKA851979 QAE851977:QAE851979 PQI851977:PQI851979 PGM851977:PGM851979 OWQ851977:OWQ851979 OMU851977:OMU851979 OCY851977:OCY851979 NTC851977:NTC851979 NJG851977:NJG851979 MZK851977:MZK851979 MPO851977:MPO851979 MFS851977:MFS851979 LVW851977:LVW851979 LMA851977:LMA851979 LCE851977:LCE851979 KSI851977:KSI851979 KIM851977:KIM851979 JYQ851977:JYQ851979 JOU851977:JOU851979 JEY851977:JEY851979 IVC851977:IVC851979 ILG851977:ILG851979 IBK851977:IBK851979 HRO851977:HRO851979 HHS851977:HHS851979 GXW851977:GXW851979 GOA851977:GOA851979 GEE851977:GEE851979 FUI851977:FUI851979 FKM851977:FKM851979 FAQ851977:FAQ851979 EQU851977:EQU851979 EGY851977:EGY851979 DXC851977:DXC851979 DNG851977:DNG851979 DDK851977:DDK851979 CTO851977:CTO851979 CJS851977:CJS851979 BZW851977:BZW851979 BQA851977:BQA851979 BGE851977:BGE851979 AWI851977:AWI851979 AMM851977:AMM851979 ACQ851977:ACQ851979 SU851977:SU851979 IY851977:IY851979 I851977:I851979 WVK786441:WVK786443 WLO786441:WLO786443 WBS786441:WBS786443 VRW786441:VRW786443 VIA786441:VIA786443 UYE786441:UYE786443 UOI786441:UOI786443 UEM786441:UEM786443 TUQ786441:TUQ786443 TKU786441:TKU786443 TAY786441:TAY786443 SRC786441:SRC786443 SHG786441:SHG786443 RXK786441:RXK786443 RNO786441:RNO786443 RDS786441:RDS786443 QTW786441:QTW786443 QKA786441:QKA786443 QAE786441:QAE786443 PQI786441:PQI786443 PGM786441:PGM786443 OWQ786441:OWQ786443 OMU786441:OMU786443 OCY786441:OCY786443 NTC786441:NTC786443 NJG786441:NJG786443 MZK786441:MZK786443 MPO786441:MPO786443 MFS786441:MFS786443 LVW786441:LVW786443 LMA786441:LMA786443 LCE786441:LCE786443 KSI786441:KSI786443 KIM786441:KIM786443 JYQ786441:JYQ786443 JOU786441:JOU786443 JEY786441:JEY786443 IVC786441:IVC786443 ILG786441:ILG786443 IBK786441:IBK786443 HRO786441:HRO786443 HHS786441:HHS786443 GXW786441:GXW786443 GOA786441:GOA786443 GEE786441:GEE786443 FUI786441:FUI786443 FKM786441:FKM786443 FAQ786441:FAQ786443 EQU786441:EQU786443 EGY786441:EGY786443 DXC786441:DXC786443 DNG786441:DNG786443 DDK786441:DDK786443 CTO786441:CTO786443 CJS786441:CJS786443 BZW786441:BZW786443 BQA786441:BQA786443 BGE786441:BGE786443 AWI786441:AWI786443 AMM786441:AMM786443 ACQ786441:ACQ786443 SU786441:SU786443 IY786441:IY786443 I786441:I786443 WVK720905:WVK720907 WLO720905:WLO720907 WBS720905:WBS720907 VRW720905:VRW720907 VIA720905:VIA720907 UYE720905:UYE720907 UOI720905:UOI720907 UEM720905:UEM720907 TUQ720905:TUQ720907 TKU720905:TKU720907 TAY720905:TAY720907 SRC720905:SRC720907 SHG720905:SHG720907 RXK720905:RXK720907 RNO720905:RNO720907 RDS720905:RDS720907 QTW720905:QTW720907 QKA720905:QKA720907 QAE720905:QAE720907 PQI720905:PQI720907 PGM720905:PGM720907 OWQ720905:OWQ720907 OMU720905:OMU720907 OCY720905:OCY720907 NTC720905:NTC720907 NJG720905:NJG720907 MZK720905:MZK720907 MPO720905:MPO720907 MFS720905:MFS720907 LVW720905:LVW720907 LMA720905:LMA720907 LCE720905:LCE720907 KSI720905:KSI720907 KIM720905:KIM720907 JYQ720905:JYQ720907 JOU720905:JOU720907 JEY720905:JEY720907 IVC720905:IVC720907 ILG720905:ILG720907 IBK720905:IBK720907 HRO720905:HRO720907 HHS720905:HHS720907 GXW720905:GXW720907 GOA720905:GOA720907 GEE720905:GEE720907 FUI720905:FUI720907 FKM720905:FKM720907 FAQ720905:FAQ720907 EQU720905:EQU720907 EGY720905:EGY720907 DXC720905:DXC720907 DNG720905:DNG720907 DDK720905:DDK720907 CTO720905:CTO720907 CJS720905:CJS720907 BZW720905:BZW720907 BQA720905:BQA720907 BGE720905:BGE720907 AWI720905:AWI720907 AMM720905:AMM720907 ACQ720905:ACQ720907 SU720905:SU720907 IY720905:IY720907 I720905:I720907 WVK655369:WVK655371 WLO655369:WLO655371 WBS655369:WBS655371 VRW655369:VRW655371 VIA655369:VIA655371 UYE655369:UYE655371 UOI655369:UOI655371 UEM655369:UEM655371 TUQ655369:TUQ655371 TKU655369:TKU655371 TAY655369:TAY655371 SRC655369:SRC655371 SHG655369:SHG655371 RXK655369:RXK655371 RNO655369:RNO655371 RDS655369:RDS655371 QTW655369:QTW655371 QKA655369:QKA655371 QAE655369:QAE655371 PQI655369:PQI655371 PGM655369:PGM655371 OWQ655369:OWQ655371 OMU655369:OMU655371 OCY655369:OCY655371 NTC655369:NTC655371 NJG655369:NJG655371 MZK655369:MZK655371 MPO655369:MPO655371 MFS655369:MFS655371 LVW655369:LVW655371 LMA655369:LMA655371 LCE655369:LCE655371 KSI655369:KSI655371 KIM655369:KIM655371 JYQ655369:JYQ655371 JOU655369:JOU655371 JEY655369:JEY655371 IVC655369:IVC655371 ILG655369:ILG655371 IBK655369:IBK655371 HRO655369:HRO655371 HHS655369:HHS655371 GXW655369:GXW655371 GOA655369:GOA655371 GEE655369:GEE655371 FUI655369:FUI655371 FKM655369:FKM655371 FAQ655369:FAQ655371 EQU655369:EQU655371 EGY655369:EGY655371 DXC655369:DXC655371 DNG655369:DNG655371 DDK655369:DDK655371 CTO655369:CTO655371 CJS655369:CJS655371 BZW655369:BZW655371 BQA655369:BQA655371 BGE655369:BGE655371 AWI655369:AWI655371 AMM655369:AMM655371 ACQ655369:ACQ655371 SU655369:SU655371 IY655369:IY655371 I655369:I655371 WVK589833:WVK589835 WLO589833:WLO589835 WBS589833:WBS589835 VRW589833:VRW589835 VIA589833:VIA589835 UYE589833:UYE589835 UOI589833:UOI589835 UEM589833:UEM589835 TUQ589833:TUQ589835 TKU589833:TKU589835 TAY589833:TAY589835 SRC589833:SRC589835 SHG589833:SHG589835 RXK589833:RXK589835 RNO589833:RNO589835 RDS589833:RDS589835 QTW589833:QTW589835 QKA589833:QKA589835 QAE589833:QAE589835 PQI589833:PQI589835 PGM589833:PGM589835 OWQ589833:OWQ589835 OMU589833:OMU589835 OCY589833:OCY589835 NTC589833:NTC589835 NJG589833:NJG589835 MZK589833:MZK589835 MPO589833:MPO589835 MFS589833:MFS589835 LVW589833:LVW589835 LMA589833:LMA589835 LCE589833:LCE589835 KSI589833:KSI589835 KIM589833:KIM589835 JYQ589833:JYQ589835 JOU589833:JOU589835 JEY589833:JEY589835 IVC589833:IVC589835 ILG589833:ILG589835 IBK589833:IBK589835 HRO589833:HRO589835 HHS589833:HHS589835 GXW589833:GXW589835 GOA589833:GOA589835 GEE589833:GEE589835 FUI589833:FUI589835 FKM589833:FKM589835 FAQ589833:FAQ589835 EQU589833:EQU589835 EGY589833:EGY589835 DXC589833:DXC589835 DNG589833:DNG589835 DDK589833:DDK589835 CTO589833:CTO589835 CJS589833:CJS589835 BZW589833:BZW589835 BQA589833:BQA589835 BGE589833:BGE589835 AWI589833:AWI589835 AMM589833:AMM589835 ACQ589833:ACQ589835 SU589833:SU589835 IY589833:IY589835 I589833:I589835 WVK524297:WVK524299 WLO524297:WLO524299 WBS524297:WBS524299 VRW524297:VRW524299 VIA524297:VIA524299 UYE524297:UYE524299 UOI524297:UOI524299 UEM524297:UEM524299 TUQ524297:TUQ524299 TKU524297:TKU524299 TAY524297:TAY524299 SRC524297:SRC524299 SHG524297:SHG524299 RXK524297:RXK524299 RNO524297:RNO524299 RDS524297:RDS524299 QTW524297:QTW524299 QKA524297:QKA524299 QAE524297:QAE524299 PQI524297:PQI524299 PGM524297:PGM524299 OWQ524297:OWQ524299 OMU524297:OMU524299 OCY524297:OCY524299 NTC524297:NTC524299 NJG524297:NJG524299 MZK524297:MZK524299 MPO524297:MPO524299 MFS524297:MFS524299 LVW524297:LVW524299 LMA524297:LMA524299 LCE524297:LCE524299 KSI524297:KSI524299 KIM524297:KIM524299 JYQ524297:JYQ524299 JOU524297:JOU524299 JEY524297:JEY524299 IVC524297:IVC524299 ILG524297:ILG524299 IBK524297:IBK524299 HRO524297:HRO524299 HHS524297:HHS524299 GXW524297:GXW524299 GOA524297:GOA524299 GEE524297:GEE524299 FUI524297:FUI524299 FKM524297:FKM524299 FAQ524297:FAQ524299 EQU524297:EQU524299 EGY524297:EGY524299 DXC524297:DXC524299 DNG524297:DNG524299 DDK524297:DDK524299 CTO524297:CTO524299 CJS524297:CJS524299 BZW524297:BZW524299 BQA524297:BQA524299 BGE524297:BGE524299 AWI524297:AWI524299 AMM524297:AMM524299 ACQ524297:ACQ524299 SU524297:SU524299 IY524297:IY524299 I524297:I524299 WVK458761:WVK458763 WLO458761:WLO458763 WBS458761:WBS458763 VRW458761:VRW458763 VIA458761:VIA458763 UYE458761:UYE458763 UOI458761:UOI458763 UEM458761:UEM458763 TUQ458761:TUQ458763 TKU458761:TKU458763 TAY458761:TAY458763 SRC458761:SRC458763 SHG458761:SHG458763 RXK458761:RXK458763 RNO458761:RNO458763 RDS458761:RDS458763 QTW458761:QTW458763 QKA458761:QKA458763 QAE458761:QAE458763 PQI458761:PQI458763 PGM458761:PGM458763 OWQ458761:OWQ458763 OMU458761:OMU458763 OCY458761:OCY458763 NTC458761:NTC458763 NJG458761:NJG458763 MZK458761:MZK458763 MPO458761:MPO458763 MFS458761:MFS458763 LVW458761:LVW458763 LMA458761:LMA458763 LCE458761:LCE458763 KSI458761:KSI458763 KIM458761:KIM458763 JYQ458761:JYQ458763 JOU458761:JOU458763 JEY458761:JEY458763 IVC458761:IVC458763 ILG458761:ILG458763 IBK458761:IBK458763 HRO458761:HRO458763 HHS458761:HHS458763 GXW458761:GXW458763 GOA458761:GOA458763 GEE458761:GEE458763 FUI458761:FUI458763 FKM458761:FKM458763 FAQ458761:FAQ458763 EQU458761:EQU458763 EGY458761:EGY458763 DXC458761:DXC458763 DNG458761:DNG458763 DDK458761:DDK458763 CTO458761:CTO458763 CJS458761:CJS458763 BZW458761:BZW458763 BQA458761:BQA458763 BGE458761:BGE458763 AWI458761:AWI458763 AMM458761:AMM458763 ACQ458761:ACQ458763 SU458761:SU458763 IY458761:IY458763 I458761:I458763 WVK393225:WVK393227 WLO393225:WLO393227 WBS393225:WBS393227 VRW393225:VRW393227 VIA393225:VIA393227 UYE393225:UYE393227 UOI393225:UOI393227 UEM393225:UEM393227 TUQ393225:TUQ393227 TKU393225:TKU393227 TAY393225:TAY393227 SRC393225:SRC393227 SHG393225:SHG393227 RXK393225:RXK393227 RNO393225:RNO393227 RDS393225:RDS393227 QTW393225:QTW393227 QKA393225:QKA393227 QAE393225:QAE393227 PQI393225:PQI393227 PGM393225:PGM393227 OWQ393225:OWQ393227 OMU393225:OMU393227 OCY393225:OCY393227 NTC393225:NTC393227 NJG393225:NJG393227 MZK393225:MZK393227 MPO393225:MPO393227 MFS393225:MFS393227 LVW393225:LVW393227 LMA393225:LMA393227 LCE393225:LCE393227 KSI393225:KSI393227 KIM393225:KIM393227 JYQ393225:JYQ393227 JOU393225:JOU393227 JEY393225:JEY393227 IVC393225:IVC393227 ILG393225:ILG393227 IBK393225:IBK393227 HRO393225:HRO393227 HHS393225:HHS393227 GXW393225:GXW393227 GOA393225:GOA393227 GEE393225:GEE393227 FUI393225:FUI393227 FKM393225:FKM393227 FAQ393225:FAQ393227 EQU393225:EQU393227 EGY393225:EGY393227 DXC393225:DXC393227 DNG393225:DNG393227 DDK393225:DDK393227 CTO393225:CTO393227 CJS393225:CJS393227 BZW393225:BZW393227 BQA393225:BQA393227 BGE393225:BGE393227 AWI393225:AWI393227 AMM393225:AMM393227 ACQ393225:ACQ393227 SU393225:SU393227 IY393225:IY393227 I393225:I393227 WVK327689:WVK327691 WLO327689:WLO327691 WBS327689:WBS327691 VRW327689:VRW327691 VIA327689:VIA327691 UYE327689:UYE327691 UOI327689:UOI327691 UEM327689:UEM327691 TUQ327689:TUQ327691 TKU327689:TKU327691 TAY327689:TAY327691 SRC327689:SRC327691 SHG327689:SHG327691 RXK327689:RXK327691 RNO327689:RNO327691 RDS327689:RDS327691 QTW327689:QTW327691 QKA327689:QKA327691 QAE327689:QAE327691 PQI327689:PQI327691 PGM327689:PGM327691 OWQ327689:OWQ327691 OMU327689:OMU327691 OCY327689:OCY327691 NTC327689:NTC327691 NJG327689:NJG327691 MZK327689:MZK327691 MPO327689:MPO327691 MFS327689:MFS327691 LVW327689:LVW327691 LMA327689:LMA327691 LCE327689:LCE327691 KSI327689:KSI327691 KIM327689:KIM327691 JYQ327689:JYQ327691 JOU327689:JOU327691 JEY327689:JEY327691 IVC327689:IVC327691 ILG327689:ILG327691 IBK327689:IBK327691 HRO327689:HRO327691 HHS327689:HHS327691 GXW327689:GXW327691 GOA327689:GOA327691 GEE327689:GEE327691 FUI327689:FUI327691 FKM327689:FKM327691 FAQ327689:FAQ327691 EQU327689:EQU327691 EGY327689:EGY327691 DXC327689:DXC327691 DNG327689:DNG327691 DDK327689:DDK327691 CTO327689:CTO327691 CJS327689:CJS327691 BZW327689:BZW327691 BQA327689:BQA327691 BGE327689:BGE327691 AWI327689:AWI327691 AMM327689:AMM327691 ACQ327689:ACQ327691 SU327689:SU327691 IY327689:IY327691 I327689:I327691 WVK262153:WVK262155 WLO262153:WLO262155 WBS262153:WBS262155 VRW262153:VRW262155 VIA262153:VIA262155 UYE262153:UYE262155 UOI262153:UOI262155 UEM262153:UEM262155 TUQ262153:TUQ262155 TKU262153:TKU262155 TAY262153:TAY262155 SRC262153:SRC262155 SHG262153:SHG262155 RXK262153:RXK262155 RNO262153:RNO262155 RDS262153:RDS262155 QTW262153:QTW262155 QKA262153:QKA262155 QAE262153:QAE262155 PQI262153:PQI262155 PGM262153:PGM262155 OWQ262153:OWQ262155 OMU262153:OMU262155 OCY262153:OCY262155 NTC262153:NTC262155 NJG262153:NJG262155 MZK262153:MZK262155 MPO262153:MPO262155 MFS262153:MFS262155 LVW262153:LVW262155 LMA262153:LMA262155 LCE262153:LCE262155 KSI262153:KSI262155 KIM262153:KIM262155 JYQ262153:JYQ262155 JOU262153:JOU262155 JEY262153:JEY262155 IVC262153:IVC262155 ILG262153:ILG262155 IBK262153:IBK262155 HRO262153:HRO262155 HHS262153:HHS262155 GXW262153:GXW262155 GOA262153:GOA262155 GEE262153:GEE262155 FUI262153:FUI262155 FKM262153:FKM262155 FAQ262153:FAQ262155 EQU262153:EQU262155 EGY262153:EGY262155 DXC262153:DXC262155 DNG262153:DNG262155 DDK262153:DDK262155 CTO262153:CTO262155 CJS262153:CJS262155 BZW262153:BZW262155 BQA262153:BQA262155 BGE262153:BGE262155 AWI262153:AWI262155 AMM262153:AMM262155 ACQ262153:ACQ262155 SU262153:SU262155 IY262153:IY262155 I262153:I262155 WVK196617:WVK196619 WLO196617:WLO196619 WBS196617:WBS196619 VRW196617:VRW196619 VIA196617:VIA196619 UYE196617:UYE196619 UOI196617:UOI196619 UEM196617:UEM196619 TUQ196617:TUQ196619 TKU196617:TKU196619 TAY196617:TAY196619 SRC196617:SRC196619 SHG196617:SHG196619 RXK196617:RXK196619 RNO196617:RNO196619 RDS196617:RDS196619 QTW196617:QTW196619 QKA196617:QKA196619 QAE196617:QAE196619 PQI196617:PQI196619 PGM196617:PGM196619 OWQ196617:OWQ196619 OMU196617:OMU196619 OCY196617:OCY196619 NTC196617:NTC196619 NJG196617:NJG196619 MZK196617:MZK196619 MPO196617:MPO196619 MFS196617:MFS196619 LVW196617:LVW196619 LMA196617:LMA196619 LCE196617:LCE196619 KSI196617:KSI196619 KIM196617:KIM196619 JYQ196617:JYQ196619 JOU196617:JOU196619 JEY196617:JEY196619 IVC196617:IVC196619 ILG196617:ILG196619 IBK196617:IBK196619 HRO196617:HRO196619 HHS196617:HHS196619 GXW196617:GXW196619 GOA196617:GOA196619 GEE196617:GEE196619 FUI196617:FUI196619 FKM196617:FKM196619 FAQ196617:FAQ196619 EQU196617:EQU196619 EGY196617:EGY196619 DXC196617:DXC196619 DNG196617:DNG196619 DDK196617:DDK196619 CTO196617:CTO196619 CJS196617:CJS196619 BZW196617:BZW196619 BQA196617:BQA196619 BGE196617:BGE196619 AWI196617:AWI196619 AMM196617:AMM196619 ACQ196617:ACQ196619 SU196617:SU196619 IY196617:IY196619 I196617:I196619 WVK131081:WVK131083 WLO131081:WLO131083 WBS131081:WBS131083 VRW131081:VRW131083 VIA131081:VIA131083 UYE131081:UYE131083 UOI131081:UOI131083 UEM131081:UEM131083 TUQ131081:TUQ131083 TKU131081:TKU131083 TAY131081:TAY131083 SRC131081:SRC131083 SHG131081:SHG131083 RXK131081:RXK131083 RNO131081:RNO131083 RDS131081:RDS131083 QTW131081:QTW131083 QKA131081:QKA131083 QAE131081:QAE131083 PQI131081:PQI131083 PGM131081:PGM131083 OWQ131081:OWQ131083 OMU131081:OMU131083 OCY131081:OCY131083 NTC131081:NTC131083 NJG131081:NJG131083 MZK131081:MZK131083 MPO131081:MPO131083 MFS131081:MFS131083 LVW131081:LVW131083 LMA131081:LMA131083 LCE131081:LCE131083 KSI131081:KSI131083 KIM131081:KIM131083 JYQ131081:JYQ131083 JOU131081:JOU131083 JEY131081:JEY131083 IVC131081:IVC131083 ILG131081:ILG131083 IBK131081:IBK131083 HRO131081:HRO131083 HHS131081:HHS131083 GXW131081:GXW131083 GOA131081:GOA131083 GEE131081:GEE131083 FUI131081:FUI131083 FKM131081:FKM131083 FAQ131081:FAQ131083 EQU131081:EQU131083 EGY131081:EGY131083 DXC131081:DXC131083 DNG131081:DNG131083 DDK131081:DDK131083 CTO131081:CTO131083 CJS131081:CJS131083 BZW131081:BZW131083 BQA131081:BQA131083 BGE131081:BGE131083 AWI131081:AWI131083 AMM131081:AMM131083 ACQ131081:ACQ131083 SU131081:SU131083 IY131081:IY131083 I131081:I131083 WVK65545:WVK65547 WLO65545:WLO65547 WBS65545:WBS65547 VRW65545:VRW65547 VIA65545:VIA65547 UYE65545:UYE65547 UOI65545:UOI65547 UEM65545:UEM65547 TUQ65545:TUQ65547 TKU65545:TKU65547 TAY65545:TAY65547 SRC65545:SRC65547 SHG65545:SHG65547 RXK65545:RXK65547 RNO65545:RNO65547 RDS65545:RDS65547 QTW65545:QTW65547 QKA65545:QKA65547 QAE65545:QAE65547 PQI65545:PQI65547 PGM65545:PGM65547 OWQ65545:OWQ65547 OMU65545:OMU65547 OCY65545:OCY65547 NTC65545:NTC65547 NJG65545:NJG65547 MZK65545:MZK65547 MPO65545:MPO65547 MFS65545:MFS65547 LVW65545:LVW65547 LMA65545:LMA65547 LCE65545:LCE65547 KSI65545:KSI65547 KIM65545:KIM65547 JYQ65545:JYQ65547 JOU65545:JOU65547 JEY65545:JEY65547 IVC65545:IVC65547 ILG65545:ILG65547 IBK65545:IBK65547 HRO65545:HRO65547 HHS65545:HHS65547 GXW65545:GXW65547 GOA65545:GOA65547 GEE65545:GEE65547 FUI65545:FUI65547 FKM65545:FKM65547 FAQ65545:FAQ65547 EQU65545:EQU65547 EGY65545:EGY65547 DXC65545:DXC65547 DNG65545:DNG65547 DDK65545:DDK65547 CTO65545:CTO65547 CJS65545:CJS65547 BZW65545:BZW65547 BQA65545:BQA65547 BGE65545:BGE65547 AWI65545:AWI65547 AMM65545:AMM65547 ACQ65545:ACQ65547 SU65545:SU65547 IY65545:IY65547 I65545:I65547 WVL983050:WVO983051 WLP983050:WLS983051 WBT983050:WBW983051 VRX983050:VSA983051 VIB983050:VIE983051 UYF983050:UYI983051 UOJ983050:UOM983051 UEN983050:UEQ983051 TUR983050:TUU983051 TKV983050:TKY983051 TAZ983050:TBC983051 SRD983050:SRG983051 SHH983050:SHK983051 RXL983050:RXO983051 RNP983050:RNS983051 RDT983050:RDW983051 QTX983050:QUA983051 QKB983050:QKE983051 QAF983050:QAI983051 PQJ983050:PQM983051 PGN983050:PGQ983051 OWR983050:OWU983051 OMV983050:OMY983051 OCZ983050:ODC983051 NTD983050:NTG983051 NJH983050:NJK983051 MZL983050:MZO983051 MPP983050:MPS983051 MFT983050:MFW983051 LVX983050:LWA983051 LMB983050:LME983051 LCF983050:LCI983051 KSJ983050:KSM983051 KIN983050:KIQ983051 JYR983050:JYU983051 JOV983050:JOY983051 JEZ983050:JFC983051 IVD983050:IVG983051 ILH983050:ILK983051 IBL983050:IBO983051 HRP983050:HRS983051 HHT983050:HHW983051 GXX983050:GYA983051 GOB983050:GOE983051 GEF983050:GEI983051 FUJ983050:FUM983051 FKN983050:FKQ983051 FAR983050:FAU983051 EQV983050:EQY983051 EGZ983050:EHC983051 DXD983050:DXG983051 DNH983050:DNK983051 DDL983050:DDO983051 CTP983050:CTS983051 CJT983050:CJW983051 BZX983050:CAA983051 BQB983050:BQE983051 BGF983050:BGI983051 AWJ983050:AWM983051 AMN983050:AMQ983051 ACR983050:ACU983051 SV983050:SY983051 IZ983050:JC983051 J983050:M983051 WVL917514:WVO917515 WLP917514:WLS917515 WBT917514:WBW917515 VRX917514:VSA917515 VIB917514:VIE917515 UYF917514:UYI917515 UOJ917514:UOM917515 UEN917514:UEQ917515 TUR917514:TUU917515 TKV917514:TKY917515 TAZ917514:TBC917515 SRD917514:SRG917515 SHH917514:SHK917515 RXL917514:RXO917515 RNP917514:RNS917515 RDT917514:RDW917515 QTX917514:QUA917515 QKB917514:QKE917515 QAF917514:QAI917515 PQJ917514:PQM917515 PGN917514:PGQ917515 OWR917514:OWU917515 OMV917514:OMY917515 OCZ917514:ODC917515 NTD917514:NTG917515 NJH917514:NJK917515 MZL917514:MZO917515 MPP917514:MPS917515 MFT917514:MFW917515 LVX917514:LWA917515 LMB917514:LME917515 LCF917514:LCI917515 KSJ917514:KSM917515 KIN917514:KIQ917515 JYR917514:JYU917515 JOV917514:JOY917515 JEZ917514:JFC917515 IVD917514:IVG917515 ILH917514:ILK917515 IBL917514:IBO917515 HRP917514:HRS917515 HHT917514:HHW917515 GXX917514:GYA917515 GOB917514:GOE917515 GEF917514:GEI917515 FUJ917514:FUM917515 FKN917514:FKQ917515 FAR917514:FAU917515 EQV917514:EQY917515 EGZ917514:EHC917515 DXD917514:DXG917515 DNH917514:DNK917515 DDL917514:DDO917515 CTP917514:CTS917515 CJT917514:CJW917515 BZX917514:CAA917515 BQB917514:BQE917515 BGF917514:BGI917515 AWJ917514:AWM917515 AMN917514:AMQ917515 ACR917514:ACU917515 SV917514:SY917515 IZ917514:JC917515 J917514:M917515 WVL851978:WVO851979 WLP851978:WLS851979 WBT851978:WBW851979 VRX851978:VSA851979 VIB851978:VIE851979 UYF851978:UYI851979 UOJ851978:UOM851979 UEN851978:UEQ851979 TUR851978:TUU851979 TKV851978:TKY851979 TAZ851978:TBC851979 SRD851978:SRG851979 SHH851978:SHK851979 RXL851978:RXO851979 RNP851978:RNS851979 RDT851978:RDW851979 QTX851978:QUA851979 QKB851978:QKE851979 QAF851978:QAI851979 PQJ851978:PQM851979 PGN851978:PGQ851979 OWR851978:OWU851979 OMV851978:OMY851979 OCZ851978:ODC851979 NTD851978:NTG851979 NJH851978:NJK851979 MZL851978:MZO851979 MPP851978:MPS851979 MFT851978:MFW851979 LVX851978:LWA851979 LMB851978:LME851979 LCF851978:LCI851979 KSJ851978:KSM851979 KIN851978:KIQ851979 JYR851978:JYU851979 JOV851978:JOY851979 JEZ851978:JFC851979 IVD851978:IVG851979 ILH851978:ILK851979 IBL851978:IBO851979 HRP851978:HRS851979 HHT851978:HHW851979 GXX851978:GYA851979 GOB851978:GOE851979 GEF851978:GEI851979 FUJ851978:FUM851979 FKN851978:FKQ851979 FAR851978:FAU851979 EQV851978:EQY851979 EGZ851978:EHC851979 DXD851978:DXG851979 DNH851978:DNK851979 DDL851978:DDO851979 CTP851978:CTS851979 CJT851978:CJW851979 BZX851978:CAA851979 BQB851978:BQE851979 BGF851978:BGI851979 AWJ851978:AWM851979 AMN851978:AMQ851979 ACR851978:ACU851979 SV851978:SY851979 IZ851978:JC851979 J851978:M851979 WVL786442:WVO786443 WLP786442:WLS786443 WBT786442:WBW786443 VRX786442:VSA786443 VIB786442:VIE786443 UYF786442:UYI786443 UOJ786442:UOM786443 UEN786442:UEQ786443 TUR786442:TUU786443 TKV786442:TKY786443 TAZ786442:TBC786443 SRD786442:SRG786443 SHH786442:SHK786443 RXL786442:RXO786443 RNP786442:RNS786443 RDT786442:RDW786443 QTX786442:QUA786443 QKB786442:QKE786443 QAF786442:QAI786443 PQJ786442:PQM786443 PGN786442:PGQ786443 OWR786442:OWU786443 OMV786442:OMY786443 OCZ786442:ODC786443 NTD786442:NTG786443 NJH786442:NJK786443 MZL786442:MZO786443 MPP786442:MPS786443 MFT786442:MFW786443 LVX786442:LWA786443 LMB786442:LME786443 LCF786442:LCI786443 KSJ786442:KSM786443 KIN786442:KIQ786443 JYR786442:JYU786443 JOV786442:JOY786443 JEZ786442:JFC786443 IVD786442:IVG786443 ILH786442:ILK786443 IBL786442:IBO786443 HRP786442:HRS786443 HHT786442:HHW786443 GXX786442:GYA786443 GOB786442:GOE786443 GEF786442:GEI786443 FUJ786442:FUM786443 FKN786442:FKQ786443 FAR786442:FAU786443 EQV786442:EQY786443 EGZ786442:EHC786443 DXD786442:DXG786443 DNH786442:DNK786443 DDL786442:DDO786443 CTP786442:CTS786443 CJT786442:CJW786443 BZX786442:CAA786443 BQB786442:BQE786443 BGF786442:BGI786443 AWJ786442:AWM786443 AMN786442:AMQ786443 ACR786442:ACU786443 SV786442:SY786443 IZ786442:JC786443 J786442:M786443 WVL720906:WVO720907 WLP720906:WLS720907 WBT720906:WBW720907 VRX720906:VSA720907 VIB720906:VIE720907 UYF720906:UYI720907 UOJ720906:UOM720907 UEN720906:UEQ720907 TUR720906:TUU720907 TKV720906:TKY720907 TAZ720906:TBC720907 SRD720906:SRG720907 SHH720906:SHK720907 RXL720906:RXO720907 RNP720906:RNS720907 RDT720906:RDW720907 QTX720906:QUA720907 QKB720906:QKE720907 QAF720906:QAI720907 PQJ720906:PQM720907 PGN720906:PGQ720907 OWR720906:OWU720907 OMV720906:OMY720907 OCZ720906:ODC720907 NTD720906:NTG720907 NJH720906:NJK720907 MZL720906:MZO720907 MPP720906:MPS720907 MFT720906:MFW720907 LVX720906:LWA720907 LMB720906:LME720907 LCF720906:LCI720907 KSJ720906:KSM720907 KIN720906:KIQ720907 JYR720906:JYU720907 JOV720906:JOY720907 JEZ720906:JFC720907 IVD720906:IVG720907 ILH720906:ILK720907 IBL720906:IBO720907 HRP720906:HRS720907 HHT720906:HHW720907 GXX720906:GYA720907 GOB720906:GOE720907 GEF720906:GEI720907 FUJ720906:FUM720907 FKN720906:FKQ720907 FAR720906:FAU720907 EQV720906:EQY720907 EGZ720906:EHC720907 DXD720906:DXG720907 DNH720906:DNK720907 DDL720906:DDO720907 CTP720906:CTS720907 CJT720906:CJW720907 BZX720906:CAA720907 BQB720906:BQE720907 BGF720906:BGI720907 AWJ720906:AWM720907 AMN720906:AMQ720907 ACR720906:ACU720907 SV720906:SY720907 IZ720906:JC720907 J720906:M720907 WVL655370:WVO655371 WLP655370:WLS655371 WBT655370:WBW655371 VRX655370:VSA655371 VIB655370:VIE655371 UYF655370:UYI655371 UOJ655370:UOM655371 UEN655370:UEQ655371 TUR655370:TUU655371 TKV655370:TKY655371 TAZ655370:TBC655371 SRD655370:SRG655371 SHH655370:SHK655371 RXL655370:RXO655371 RNP655370:RNS655371 RDT655370:RDW655371 QTX655370:QUA655371 QKB655370:QKE655371 QAF655370:QAI655371 PQJ655370:PQM655371 PGN655370:PGQ655371 OWR655370:OWU655371 OMV655370:OMY655371 OCZ655370:ODC655371 NTD655370:NTG655371 NJH655370:NJK655371 MZL655370:MZO655371 MPP655370:MPS655371 MFT655370:MFW655371 LVX655370:LWA655371 LMB655370:LME655371 LCF655370:LCI655371 KSJ655370:KSM655371 KIN655370:KIQ655371 JYR655370:JYU655371 JOV655370:JOY655371 JEZ655370:JFC655371 IVD655370:IVG655371 ILH655370:ILK655371 IBL655370:IBO655371 HRP655370:HRS655371 HHT655370:HHW655371 GXX655370:GYA655371 GOB655370:GOE655371 GEF655370:GEI655371 FUJ655370:FUM655371 FKN655370:FKQ655371 FAR655370:FAU655371 EQV655370:EQY655371 EGZ655370:EHC655371 DXD655370:DXG655371 DNH655370:DNK655371 DDL655370:DDO655371 CTP655370:CTS655371 CJT655370:CJW655371 BZX655370:CAA655371 BQB655370:BQE655371 BGF655370:BGI655371 AWJ655370:AWM655371 AMN655370:AMQ655371 ACR655370:ACU655371 SV655370:SY655371 IZ655370:JC655371 J655370:M655371 WVL589834:WVO589835 WLP589834:WLS589835 WBT589834:WBW589835 VRX589834:VSA589835 VIB589834:VIE589835 UYF589834:UYI589835 UOJ589834:UOM589835 UEN589834:UEQ589835 TUR589834:TUU589835 TKV589834:TKY589835 TAZ589834:TBC589835 SRD589834:SRG589835 SHH589834:SHK589835 RXL589834:RXO589835 RNP589834:RNS589835 RDT589834:RDW589835 QTX589834:QUA589835 QKB589834:QKE589835 QAF589834:QAI589835 PQJ589834:PQM589835 PGN589834:PGQ589835 OWR589834:OWU589835 OMV589834:OMY589835 OCZ589834:ODC589835 NTD589834:NTG589835 NJH589834:NJK589835 MZL589834:MZO589835 MPP589834:MPS589835 MFT589834:MFW589835 LVX589834:LWA589835 LMB589834:LME589835 LCF589834:LCI589835 KSJ589834:KSM589835 KIN589834:KIQ589835 JYR589834:JYU589835 JOV589834:JOY589835 JEZ589834:JFC589835 IVD589834:IVG589835 ILH589834:ILK589835 IBL589834:IBO589835 HRP589834:HRS589835 HHT589834:HHW589835 GXX589834:GYA589835 GOB589834:GOE589835 GEF589834:GEI589835 FUJ589834:FUM589835 FKN589834:FKQ589835 FAR589834:FAU589835 EQV589834:EQY589835 EGZ589834:EHC589835 DXD589834:DXG589835 DNH589834:DNK589835 DDL589834:DDO589835 CTP589834:CTS589835 CJT589834:CJW589835 BZX589834:CAA589835 BQB589834:BQE589835 BGF589834:BGI589835 AWJ589834:AWM589835 AMN589834:AMQ589835 ACR589834:ACU589835 SV589834:SY589835 IZ589834:JC589835 J589834:M589835 WVL524298:WVO524299 WLP524298:WLS524299 WBT524298:WBW524299 VRX524298:VSA524299 VIB524298:VIE524299 UYF524298:UYI524299 UOJ524298:UOM524299 UEN524298:UEQ524299 TUR524298:TUU524299 TKV524298:TKY524299 TAZ524298:TBC524299 SRD524298:SRG524299 SHH524298:SHK524299 RXL524298:RXO524299 RNP524298:RNS524299 RDT524298:RDW524299 QTX524298:QUA524299 QKB524298:QKE524299 QAF524298:QAI524299 PQJ524298:PQM524299 PGN524298:PGQ524299 OWR524298:OWU524299 OMV524298:OMY524299 OCZ524298:ODC524299 NTD524298:NTG524299 NJH524298:NJK524299 MZL524298:MZO524299 MPP524298:MPS524299 MFT524298:MFW524299 LVX524298:LWA524299 LMB524298:LME524299 LCF524298:LCI524299 KSJ524298:KSM524299 KIN524298:KIQ524299 JYR524298:JYU524299 JOV524298:JOY524299 JEZ524298:JFC524299 IVD524298:IVG524299 ILH524298:ILK524299 IBL524298:IBO524299 HRP524298:HRS524299 HHT524298:HHW524299 GXX524298:GYA524299 GOB524298:GOE524299 GEF524298:GEI524299 FUJ524298:FUM524299 FKN524298:FKQ524299 FAR524298:FAU524299 EQV524298:EQY524299 EGZ524298:EHC524299 DXD524298:DXG524299 DNH524298:DNK524299 DDL524298:DDO524299 CTP524298:CTS524299 CJT524298:CJW524299 BZX524298:CAA524299 BQB524298:BQE524299 BGF524298:BGI524299 AWJ524298:AWM524299 AMN524298:AMQ524299 ACR524298:ACU524299 SV524298:SY524299 IZ524298:JC524299 J524298:M524299 WVL458762:WVO458763 WLP458762:WLS458763 WBT458762:WBW458763 VRX458762:VSA458763 VIB458762:VIE458763 UYF458762:UYI458763 UOJ458762:UOM458763 UEN458762:UEQ458763 TUR458762:TUU458763 TKV458762:TKY458763 TAZ458762:TBC458763 SRD458762:SRG458763 SHH458762:SHK458763 RXL458762:RXO458763 RNP458762:RNS458763 RDT458762:RDW458763 QTX458762:QUA458763 QKB458762:QKE458763 QAF458762:QAI458763 PQJ458762:PQM458763 PGN458762:PGQ458763 OWR458762:OWU458763 OMV458762:OMY458763 OCZ458762:ODC458763 NTD458762:NTG458763 NJH458762:NJK458763 MZL458762:MZO458763 MPP458762:MPS458763 MFT458762:MFW458763 LVX458762:LWA458763 LMB458762:LME458763 LCF458762:LCI458763 KSJ458762:KSM458763 KIN458762:KIQ458763 JYR458762:JYU458763 JOV458762:JOY458763 JEZ458762:JFC458763 IVD458762:IVG458763 ILH458762:ILK458763 IBL458762:IBO458763 HRP458762:HRS458763 HHT458762:HHW458763 GXX458762:GYA458763 GOB458762:GOE458763 GEF458762:GEI458763 FUJ458762:FUM458763 FKN458762:FKQ458763 FAR458762:FAU458763 EQV458762:EQY458763 EGZ458762:EHC458763 DXD458762:DXG458763 DNH458762:DNK458763 DDL458762:DDO458763 CTP458762:CTS458763 CJT458762:CJW458763 BZX458762:CAA458763 BQB458762:BQE458763 BGF458762:BGI458763 AWJ458762:AWM458763 AMN458762:AMQ458763 ACR458762:ACU458763 SV458762:SY458763 IZ458762:JC458763 J458762:M458763 WVL393226:WVO393227 WLP393226:WLS393227 WBT393226:WBW393227 VRX393226:VSA393227 VIB393226:VIE393227 UYF393226:UYI393227 UOJ393226:UOM393227 UEN393226:UEQ393227 TUR393226:TUU393227 TKV393226:TKY393227 TAZ393226:TBC393227 SRD393226:SRG393227 SHH393226:SHK393227 RXL393226:RXO393227 RNP393226:RNS393227 RDT393226:RDW393227 QTX393226:QUA393227 QKB393226:QKE393227 QAF393226:QAI393227 PQJ393226:PQM393227 PGN393226:PGQ393227 OWR393226:OWU393227 OMV393226:OMY393227 OCZ393226:ODC393227 NTD393226:NTG393227 NJH393226:NJK393227 MZL393226:MZO393227 MPP393226:MPS393227 MFT393226:MFW393227 LVX393226:LWA393227 LMB393226:LME393227 LCF393226:LCI393227 KSJ393226:KSM393227 KIN393226:KIQ393227 JYR393226:JYU393227 JOV393226:JOY393227 JEZ393226:JFC393227 IVD393226:IVG393227 ILH393226:ILK393227 IBL393226:IBO393227 HRP393226:HRS393227 HHT393226:HHW393227 GXX393226:GYA393227 GOB393226:GOE393227 GEF393226:GEI393227 FUJ393226:FUM393227 FKN393226:FKQ393227 FAR393226:FAU393227 EQV393226:EQY393227 EGZ393226:EHC393227 DXD393226:DXG393227 DNH393226:DNK393227 DDL393226:DDO393227 CTP393226:CTS393227 CJT393226:CJW393227 BZX393226:CAA393227 BQB393226:BQE393227 BGF393226:BGI393227 AWJ393226:AWM393227 AMN393226:AMQ393227 ACR393226:ACU393227 SV393226:SY393227 IZ393226:JC393227 J393226:M393227 WVL327690:WVO327691 WLP327690:WLS327691 WBT327690:WBW327691 VRX327690:VSA327691 VIB327690:VIE327691 UYF327690:UYI327691 UOJ327690:UOM327691 UEN327690:UEQ327691 TUR327690:TUU327691 TKV327690:TKY327691 TAZ327690:TBC327691 SRD327690:SRG327691 SHH327690:SHK327691 RXL327690:RXO327691 RNP327690:RNS327691 RDT327690:RDW327691 QTX327690:QUA327691 QKB327690:QKE327691 QAF327690:QAI327691 PQJ327690:PQM327691 PGN327690:PGQ327691 OWR327690:OWU327691 OMV327690:OMY327691 OCZ327690:ODC327691 NTD327690:NTG327691 NJH327690:NJK327691 MZL327690:MZO327691 MPP327690:MPS327691 MFT327690:MFW327691 LVX327690:LWA327691 LMB327690:LME327691 LCF327690:LCI327691 KSJ327690:KSM327691 KIN327690:KIQ327691 JYR327690:JYU327691 JOV327690:JOY327691 JEZ327690:JFC327691 IVD327690:IVG327691 ILH327690:ILK327691 IBL327690:IBO327691 HRP327690:HRS327691 HHT327690:HHW327691 GXX327690:GYA327691 GOB327690:GOE327691 GEF327690:GEI327691 FUJ327690:FUM327691 FKN327690:FKQ327691 FAR327690:FAU327691 EQV327690:EQY327691 EGZ327690:EHC327691 DXD327690:DXG327691 DNH327690:DNK327691 DDL327690:DDO327691 CTP327690:CTS327691 CJT327690:CJW327691 BZX327690:CAA327691 BQB327690:BQE327691 BGF327690:BGI327691 AWJ327690:AWM327691 AMN327690:AMQ327691 ACR327690:ACU327691 SV327690:SY327691 IZ327690:JC327691 J327690:M327691 WVL262154:WVO262155 WLP262154:WLS262155 WBT262154:WBW262155 VRX262154:VSA262155 VIB262154:VIE262155 UYF262154:UYI262155 UOJ262154:UOM262155 UEN262154:UEQ262155 TUR262154:TUU262155 TKV262154:TKY262155 TAZ262154:TBC262155 SRD262154:SRG262155 SHH262154:SHK262155 RXL262154:RXO262155 RNP262154:RNS262155 RDT262154:RDW262155 QTX262154:QUA262155 QKB262154:QKE262155 QAF262154:QAI262155 PQJ262154:PQM262155 PGN262154:PGQ262155 OWR262154:OWU262155 OMV262154:OMY262155 OCZ262154:ODC262155 NTD262154:NTG262155 NJH262154:NJK262155 MZL262154:MZO262155 MPP262154:MPS262155 MFT262154:MFW262155 LVX262154:LWA262155 LMB262154:LME262155 LCF262154:LCI262155 KSJ262154:KSM262155 KIN262154:KIQ262155 JYR262154:JYU262155 JOV262154:JOY262155 JEZ262154:JFC262155 IVD262154:IVG262155 ILH262154:ILK262155 IBL262154:IBO262155 HRP262154:HRS262155 HHT262154:HHW262155 GXX262154:GYA262155 GOB262154:GOE262155 GEF262154:GEI262155 FUJ262154:FUM262155 FKN262154:FKQ262155 FAR262154:FAU262155 EQV262154:EQY262155 EGZ262154:EHC262155 DXD262154:DXG262155 DNH262154:DNK262155 DDL262154:DDO262155 CTP262154:CTS262155 CJT262154:CJW262155 BZX262154:CAA262155 BQB262154:BQE262155 BGF262154:BGI262155 AWJ262154:AWM262155 AMN262154:AMQ262155 ACR262154:ACU262155 SV262154:SY262155 IZ262154:JC262155 J262154:M262155 WVL196618:WVO196619 WLP196618:WLS196619 WBT196618:WBW196619 VRX196618:VSA196619 VIB196618:VIE196619 UYF196618:UYI196619 UOJ196618:UOM196619 UEN196618:UEQ196619 TUR196618:TUU196619 TKV196618:TKY196619 TAZ196618:TBC196619 SRD196618:SRG196619 SHH196618:SHK196619 RXL196618:RXO196619 RNP196618:RNS196619 RDT196618:RDW196619 QTX196618:QUA196619 QKB196618:QKE196619 QAF196618:QAI196619 PQJ196618:PQM196619 PGN196618:PGQ196619 OWR196618:OWU196619 OMV196618:OMY196619 OCZ196618:ODC196619 NTD196618:NTG196619 NJH196618:NJK196619 MZL196618:MZO196619 MPP196618:MPS196619 MFT196618:MFW196619 LVX196618:LWA196619 LMB196618:LME196619 LCF196618:LCI196619 KSJ196618:KSM196619 KIN196618:KIQ196619 JYR196618:JYU196619 JOV196618:JOY196619 JEZ196618:JFC196619 IVD196618:IVG196619 ILH196618:ILK196619 IBL196618:IBO196619 HRP196618:HRS196619 HHT196618:HHW196619 GXX196618:GYA196619 GOB196618:GOE196619 GEF196618:GEI196619 FUJ196618:FUM196619 FKN196618:FKQ196619 FAR196618:FAU196619 EQV196618:EQY196619 EGZ196618:EHC196619 DXD196618:DXG196619 DNH196618:DNK196619 DDL196618:DDO196619 CTP196618:CTS196619 CJT196618:CJW196619 BZX196618:CAA196619 BQB196618:BQE196619 BGF196618:BGI196619 AWJ196618:AWM196619 AMN196618:AMQ196619 ACR196618:ACU196619 SV196618:SY196619 IZ196618:JC196619 J196618:M196619 WVL131082:WVO131083 WLP131082:WLS131083 WBT131082:WBW131083 VRX131082:VSA131083 VIB131082:VIE131083 UYF131082:UYI131083 UOJ131082:UOM131083 UEN131082:UEQ131083 TUR131082:TUU131083 TKV131082:TKY131083 TAZ131082:TBC131083 SRD131082:SRG131083 SHH131082:SHK131083 RXL131082:RXO131083 RNP131082:RNS131083 RDT131082:RDW131083 QTX131082:QUA131083 QKB131082:QKE131083 QAF131082:QAI131083 PQJ131082:PQM131083 PGN131082:PGQ131083 OWR131082:OWU131083 OMV131082:OMY131083 OCZ131082:ODC131083 NTD131082:NTG131083 NJH131082:NJK131083 MZL131082:MZO131083 MPP131082:MPS131083 MFT131082:MFW131083 LVX131082:LWA131083 LMB131082:LME131083 LCF131082:LCI131083 KSJ131082:KSM131083 KIN131082:KIQ131083 JYR131082:JYU131083 JOV131082:JOY131083 JEZ131082:JFC131083 IVD131082:IVG131083 ILH131082:ILK131083 IBL131082:IBO131083 HRP131082:HRS131083 HHT131082:HHW131083 GXX131082:GYA131083 GOB131082:GOE131083 GEF131082:GEI131083 FUJ131082:FUM131083 FKN131082:FKQ131083 FAR131082:FAU131083 EQV131082:EQY131083 EGZ131082:EHC131083 DXD131082:DXG131083 DNH131082:DNK131083 DDL131082:DDO131083 CTP131082:CTS131083 CJT131082:CJW131083 BZX131082:CAA131083 BQB131082:BQE131083 BGF131082:BGI131083 AWJ131082:AWM131083 AMN131082:AMQ131083 ACR131082:ACU131083 SV131082:SY131083 IZ131082:JC131083 J131082:M131083 WVL65546:WVO65547 WLP65546:WLS65547 WBT65546:WBW65547 VRX65546:VSA65547 VIB65546:VIE65547 UYF65546:UYI65547 UOJ65546:UOM65547 UEN65546:UEQ65547 TUR65546:TUU65547 TKV65546:TKY65547 TAZ65546:TBC65547 SRD65546:SRG65547 SHH65546:SHK65547 RXL65546:RXO65547 RNP65546:RNS65547 RDT65546:RDW65547 QTX65546:QUA65547 QKB65546:QKE65547 QAF65546:QAI65547 PQJ65546:PQM65547 PGN65546:PGQ65547 OWR65546:OWU65547 OMV65546:OMY65547 OCZ65546:ODC65547 NTD65546:NTG65547 NJH65546:NJK65547 MZL65546:MZO65547 MPP65546:MPS65547 MFT65546:MFW65547 LVX65546:LWA65547 LMB65546:LME65547 LCF65546:LCI65547 KSJ65546:KSM65547 KIN65546:KIQ65547 JYR65546:JYU65547 JOV65546:JOY65547 JEZ65546:JFC65547 IVD65546:IVG65547 ILH65546:ILK65547 IBL65546:IBO65547 HRP65546:HRS65547 HHT65546:HHW65547 GXX65546:GYA65547 GOB65546:GOE65547 GEF65546:GEI65547 FUJ65546:FUM65547 FKN65546:FKQ65547 FAR65546:FAU65547 EQV65546:EQY65547 EGZ65546:EHC65547 DXD65546:DXG65547 DNH65546:DNK65547 DDL65546:DDO65547 CTP65546:CTS65547 CJT65546:CJW65547 BZX65546:CAA65547 BQB65546:BQE65547 BGF65546:BGI65547 AWJ65546:AWM65547 AMN65546:AMQ65547 ACR65546:ACU65547 SV65546:SY65547 IZ65546:JC65547 J65546:M65547 WVQ983050:WVS983050 WLU983050:WLW983050 WBY983050:WCA983050 VSC983050:VSE983050 VIG983050:VII983050 UYK983050:UYM983050 UOO983050:UOQ983050 UES983050:UEU983050 TUW983050:TUY983050 TLA983050:TLC983050 TBE983050:TBG983050 SRI983050:SRK983050 SHM983050:SHO983050 RXQ983050:RXS983050 RNU983050:RNW983050 RDY983050:REA983050 QUC983050:QUE983050 QKG983050:QKI983050 QAK983050:QAM983050 PQO983050:PQQ983050 PGS983050:PGU983050 OWW983050:OWY983050 ONA983050:ONC983050 ODE983050:ODG983050 NTI983050:NTK983050 NJM983050:NJO983050 MZQ983050:MZS983050 MPU983050:MPW983050 MFY983050:MGA983050 LWC983050:LWE983050 LMG983050:LMI983050 LCK983050:LCM983050 KSO983050:KSQ983050 KIS983050:KIU983050 JYW983050:JYY983050 JPA983050:JPC983050 JFE983050:JFG983050 IVI983050:IVK983050 ILM983050:ILO983050 IBQ983050:IBS983050 HRU983050:HRW983050 HHY983050:HIA983050 GYC983050:GYE983050 GOG983050:GOI983050 GEK983050:GEM983050 FUO983050:FUQ983050 FKS983050:FKU983050 FAW983050:FAY983050 ERA983050:ERC983050 EHE983050:EHG983050 DXI983050:DXK983050 DNM983050:DNO983050 DDQ983050:DDS983050 CTU983050:CTW983050 CJY983050:CKA983050 CAC983050:CAE983050 BQG983050:BQI983050 BGK983050:BGM983050 AWO983050:AWQ983050 AMS983050:AMU983050 ACW983050:ACY983050 TA983050:TC983050 JE983050:JG983050 O983050:Q983050 WVQ917514:WVS917514 WLU917514:WLW917514 WBY917514:WCA917514 VSC917514:VSE917514 VIG917514:VII917514 UYK917514:UYM917514 UOO917514:UOQ917514 UES917514:UEU917514 TUW917514:TUY917514 TLA917514:TLC917514 TBE917514:TBG917514 SRI917514:SRK917514 SHM917514:SHO917514 RXQ917514:RXS917514 RNU917514:RNW917514 RDY917514:REA917514 QUC917514:QUE917514 QKG917514:QKI917514 QAK917514:QAM917514 PQO917514:PQQ917514 PGS917514:PGU917514 OWW917514:OWY917514 ONA917514:ONC917514 ODE917514:ODG917514 NTI917514:NTK917514 NJM917514:NJO917514 MZQ917514:MZS917514 MPU917514:MPW917514 MFY917514:MGA917514 LWC917514:LWE917514 LMG917514:LMI917514 LCK917514:LCM917514 KSO917514:KSQ917514 KIS917514:KIU917514 JYW917514:JYY917514 JPA917514:JPC917514 JFE917514:JFG917514 IVI917514:IVK917514 ILM917514:ILO917514 IBQ917514:IBS917514 HRU917514:HRW917514 HHY917514:HIA917514 GYC917514:GYE917514 GOG917514:GOI917514 GEK917514:GEM917514 FUO917514:FUQ917514 FKS917514:FKU917514 FAW917514:FAY917514 ERA917514:ERC917514 EHE917514:EHG917514 DXI917514:DXK917514 DNM917514:DNO917514 DDQ917514:DDS917514 CTU917514:CTW917514 CJY917514:CKA917514 CAC917514:CAE917514 BQG917514:BQI917514 BGK917514:BGM917514 AWO917514:AWQ917514 AMS917514:AMU917514 ACW917514:ACY917514 TA917514:TC917514 JE917514:JG917514 O917514:Q917514 WVQ851978:WVS851978 WLU851978:WLW851978 WBY851978:WCA851978 VSC851978:VSE851978 VIG851978:VII851978 UYK851978:UYM851978 UOO851978:UOQ851978 UES851978:UEU851978 TUW851978:TUY851978 TLA851978:TLC851978 TBE851978:TBG851978 SRI851978:SRK851978 SHM851978:SHO851978 RXQ851978:RXS851978 RNU851978:RNW851978 RDY851978:REA851978 QUC851978:QUE851978 QKG851978:QKI851978 QAK851978:QAM851978 PQO851978:PQQ851978 PGS851978:PGU851978 OWW851978:OWY851978 ONA851978:ONC851978 ODE851978:ODG851978 NTI851978:NTK851978 NJM851978:NJO851978 MZQ851978:MZS851978 MPU851978:MPW851978 MFY851978:MGA851978 LWC851978:LWE851978 LMG851978:LMI851978 LCK851978:LCM851978 KSO851978:KSQ851978 KIS851978:KIU851978 JYW851978:JYY851978 JPA851978:JPC851978 JFE851978:JFG851978 IVI851978:IVK851978 ILM851978:ILO851978 IBQ851978:IBS851978 HRU851978:HRW851978 HHY851978:HIA851978 GYC851978:GYE851978 GOG851978:GOI851978 GEK851978:GEM851978 FUO851978:FUQ851978 FKS851978:FKU851978 FAW851978:FAY851978 ERA851978:ERC851978 EHE851978:EHG851978 DXI851978:DXK851978 DNM851978:DNO851978 DDQ851978:DDS851978 CTU851978:CTW851978 CJY851978:CKA851978 CAC851978:CAE851978 BQG851978:BQI851978 BGK851978:BGM851978 AWO851978:AWQ851978 AMS851978:AMU851978 ACW851978:ACY851978 TA851978:TC851978 JE851978:JG851978 O851978:Q851978 WVQ786442:WVS786442 WLU786442:WLW786442 WBY786442:WCA786442 VSC786442:VSE786442 VIG786442:VII786442 UYK786442:UYM786442 UOO786442:UOQ786442 UES786442:UEU786442 TUW786442:TUY786442 TLA786442:TLC786442 TBE786442:TBG786442 SRI786442:SRK786442 SHM786442:SHO786442 RXQ786442:RXS786442 RNU786442:RNW786442 RDY786442:REA786442 QUC786442:QUE786442 QKG786442:QKI786442 QAK786442:QAM786442 PQO786442:PQQ786442 PGS786442:PGU786442 OWW786442:OWY786442 ONA786442:ONC786442 ODE786442:ODG786442 NTI786442:NTK786442 NJM786442:NJO786442 MZQ786442:MZS786442 MPU786442:MPW786442 MFY786442:MGA786442 LWC786442:LWE786442 LMG786442:LMI786442 LCK786442:LCM786442 KSO786442:KSQ786442 KIS786442:KIU786442 JYW786442:JYY786442 JPA786442:JPC786442 JFE786442:JFG786442 IVI786442:IVK786442 ILM786442:ILO786442 IBQ786442:IBS786442 HRU786442:HRW786442 HHY786442:HIA786442 GYC786442:GYE786442 GOG786442:GOI786442 GEK786442:GEM786442 FUO786442:FUQ786442 FKS786442:FKU786442 FAW786442:FAY786442 ERA786442:ERC786442 EHE786442:EHG786442 DXI786442:DXK786442 DNM786442:DNO786442 DDQ786442:DDS786442 CTU786442:CTW786442 CJY786442:CKA786442 CAC786442:CAE786442 BQG786442:BQI786442 BGK786442:BGM786442 AWO786442:AWQ786442 AMS786442:AMU786442 ACW786442:ACY786442 TA786442:TC786442 JE786442:JG786442 O786442:Q786442 WVQ720906:WVS720906 WLU720906:WLW720906 WBY720906:WCA720906 VSC720906:VSE720906 VIG720906:VII720906 UYK720906:UYM720906 UOO720906:UOQ720906 UES720906:UEU720906 TUW720906:TUY720906 TLA720906:TLC720906 TBE720906:TBG720906 SRI720906:SRK720906 SHM720906:SHO720906 RXQ720906:RXS720906 RNU720906:RNW720906 RDY720906:REA720906 QUC720906:QUE720906 QKG720906:QKI720906 QAK720906:QAM720906 PQO720906:PQQ720906 PGS720906:PGU720906 OWW720906:OWY720906 ONA720906:ONC720906 ODE720906:ODG720906 NTI720906:NTK720906 NJM720906:NJO720906 MZQ720906:MZS720906 MPU720906:MPW720906 MFY720906:MGA720906 LWC720906:LWE720906 LMG720906:LMI720906 LCK720906:LCM720906 KSO720906:KSQ720906 KIS720906:KIU720906 JYW720906:JYY720906 JPA720906:JPC720906 JFE720906:JFG720906 IVI720906:IVK720906 ILM720906:ILO720906 IBQ720906:IBS720906 HRU720906:HRW720906 HHY720906:HIA720906 GYC720906:GYE720906 GOG720906:GOI720906 GEK720906:GEM720906 FUO720906:FUQ720906 FKS720906:FKU720906 FAW720906:FAY720906 ERA720906:ERC720906 EHE720906:EHG720906 DXI720906:DXK720906 DNM720906:DNO720906 DDQ720906:DDS720906 CTU720906:CTW720906 CJY720906:CKA720906 CAC720906:CAE720906 BQG720906:BQI720906 BGK720906:BGM720906 AWO720906:AWQ720906 AMS720906:AMU720906 ACW720906:ACY720906 TA720906:TC720906 JE720906:JG720906 O720906:Q720906 WVQ655370:WVS655370 WLU655370:WLW655370 WBY655370:WCA655370 VSC655370:VSE655370 VIG655370:VII655370 UYK655370:UYM655370 UOO655370:UOQ655370 UES655370:UEU655370 TUW655370:TUY655370 TLA655370:TLC655370 TBE655370:TBG655370 SRI655370:SRK655370 SHM655370:SHO655370 RXQ655370:RXS655370 RNU655370:RNW655370 RDY655370:REA655370 QUC655370:QUE655370 QKG655370:QKI655370 QAK655370:QAM655370 PQO655370:PQQ655370 PGS655370:PGU655370 OWW655370:OWY655370 ONA655370:ONC655370 ODE655370:ODG655370 NTI655370:NTK655370 NJM655370:NJO655370 MZQ655370:MZS655370 MPU655370:MPW655370 MFY655370:MGA655370 LWC655370:LWE655370 LMG655370:LMI655370 LCK655370:LCM655370 KSO655370:KSQ655370 KIS655370:KIU655370 JYW655370:JYY655370 JPA655370:JPC655370 JFE655370:JFG655370 IVI655370:IVK655370 ILM655370:ILO655370 IBQ655370:IBS655370 HRU655370:HRW655370 HHY655370:HIA655370 GYC655370:GYE655370 GOG655370:GOI655370 GEK655370:GEM655370 FUO655370:FUQ655370 FKS655370:FKU655370 FAW655370:FAY655370 ERA655370:ERC655370 EHE655370:EHG655370 DXI655370:DXK655370 DNM655370:DNO655370 DDQ655370:DDS655370 CTU655370:CTW655370 CJY655370:CKA655370 CAC655370:CAE655370 BQG655370:BQI655370 BGK655370:BGM655370 AWO655370:AWQ655370 AMS655370:AMU655370 ACW655370:ACY655370 TA655370:TC655370 JE655370:JG655370 O655370:Q655370 WVQ589834:WVS589834 WLU589834:WLW589834 WBY589834:WCA589834 VSC589834:VSE589834 VIG589834:VII589834 UYK589834:UYM589834 UOO589834:UOQ589834 UES589834:UEU589834 TUW589834:TUY589834 TLA589834:TLC589834 TBE589834:TBG589834 SRI589834:SRK589834 SHM589834:SHO589834 RXQ589834:RXS589834 RNU589834:RNW589834 RDY589834:REA589834 QUC589834:QUE589834 QKG589834:QKI589834 QAK589834:QAM589834 PQO589834:PQQ589834 PGS589834:PGU589834 OWW589834:OWY589834 ONA589834:ONC589834 ODE589834:ODG589834 NTI589834:NTK589834 NJM589834:NJO589834 MZQ589834:MZS589834 MPU589834:MPW589834 MFY589834:MGA589834 LWC589834:LWE589834 LMG589834:LMI589834 LCK589834:LCM589834 KSO589834:KSQ589834 KIS589834:KIU589834 JYW589834:JYY589834 JPA589834:JPC589834 JFE589834:JFG589834 IVI589834:IVK589834 ILM589834:ILO589834 IBQ589834:IBS589834 HRU589834:HRW589834 HHY589834:HIA589834 GYC589834:GYE589834 GOG589834:GOI589834 GEK589834:GEM589834 FUO589834:FUQ589834 FKS589834:FKU589834 FAW589834:FAY589834 ERA589834:ERC589834 EHE589834:EHG589834 DXI589834:DXK589834 DNM589834:DNO589834 DDQ589834:DDS589834 CTU589834:CTW589834 CJY589834:CKA589834 CAC589834:CAE589834 BQG589834:BQI589834 BGK589834:BGM589834 AWO589834:AWQ589834 AMS589834:AMU589834 ACW589834:ACY589834 TA589834:TC589834 JE589834:JG589834 O589834:Q589834 WVQ524298:WVS524298 WLU524298:WLW524298 WBY524298:WCA524298 VSC524298:VSE524298 VIG524298:VII524298 UYK524298:UYM524298 UOO524298:UOQ524298 UES524298:UEU524298 TUW524298:TUY524298 TLA524298:TLC524298 TBE524298:TBG524298 SRI524298:SRK524298 SHM524298:SHO524298 RXQ524298:RXS524298 RNU524298:RNW524298 RDY524298:REA524298 QUC524298:QUE524298 QKG524298:QKI524298 QAK524298:QAM524298 PQO524298:PQQ524298 PGS524298:PGU524298 OWW524298:OWY524298 ONA524298:ONC524298 ODE524298:ODG524298 NTI524298:NTK524298 NJM524298:NJO524298 MZQ524298:MZS524298 MPU524298:MPW524298 MFY524298:MGA524298 LWC524298:LWE524298 LMG524298:LMI524298 LCK524298:LCM524298 KSO524298:KSQ524298 KIS524298:KIU524298 JYW524298:JYY524298 JPA524298:JPC524298 JFE524298:JFG524298 IVI524298:IVK524298 ILM524298:ILO524298 IBQ524298:IBS524298 HRU524298:HRW524298 HHY524298:HIA524298 GYC524298:GYE524298 GOG524298:GOI524298 GEK524298:GEM524298 FUO524298:FUQ524298 FKS524298:FKU524298 FAW524298:FAY524298 ERA524298:ERC524298 EHE524298:EHG524298 DXI524298:DXK524298 DNM524298:DNO524298 DDQ524298:DDS524298 CTU524298:CTW524298 CJY524298:CKA524298 CAC524298:CAE524298 BQG524298:BQI524298 BGK524298:BGM524298 AWO524298:AWQ524298 AMS524298:AMU524298 ACW524298:ACY524298 TA524298:TC524298 JE524298:JG524298 O524298:Q524298 WVQ458762:WVS458762 WLU458762:WLW458762 WBY458762:WCA458762 VSC458762:VSE458762 VIG458762:VII458762 UYK458762:UYM458762 UOO458762:UOQ458762 UES458762:UEU458762 TUW458762:TUY458762 TLA458762:TLC458762 TBE458762:TBG458762 SRI458762:SRK458762 SHM458762:SHO458762 RXQ458762:RXS458762 RNU458762:RNW458762 RDY458762:REA458762 QUC458762:QUE458762 QKG458762:QKI458762 QAK458762:QAM458762 PQO458762:PQQ458762 PGS458762:PGU458762 OWW458762:OWY458762 ONA458762:ONC458762 ODE458762:ODG458762 NTI458762:NTK458762 NJM458762:NJO458762 MZQ458762:MZS458762 MPU458762:MPW458762 MFY458762:MGA458762 LWC458762:LWE458762 LMG458762:LMI458762 LCK458762:LCM458762 KSO458762:KSQ458762 KIS458762:KIU458762 JYW458762:JYY458762 JPA458762:JPC458762 JFE458762:JFG458762 IVI458762:IVK458762 ILM458762:ILO458762 IBQ458762:IBS458762 HRU458762:HRW458762 HHY458762:HIA458762 GYC458762:GYE458762 GOG458762:GOI458762 GEK458762:GEM458762 FUO458762:FUQ458762 FKS458762:FKU458762 FAW458762:FAY458762 ERA458762:ERC458762 EHE458762:EHG458762 DXI458762:DXK458762 DNM458762:DNO458762 DDQ458762:DDS458762 CTU458762:CTW458762 CJY458762:CKA458762 CAC458762:CAE458762 BQG458762:BQI458762 BGK458762:BGM458762 AWO458762:AWQ458762 AMS458762:AMU458762 ACW458762:ACY458762 TA458762:TC458762 JE458762:JG458762 O458762:Q458762 WVQ393226:WVS393226 WLU393226:WLW393226 WBY393226:WCA393226 VSC393226:VSE393226 VIG393226:VII393226 UYK393226:UYM393226 UOO393226:UOQ393226 UES393226:UEU393226 TUW393226:TUY393226 TLA393226:TLC393226 TBE393226:TBG393226 SRI393226:SRK393226 SHM393226:SHO393226 RXQ393226:RXS393226 RNU393226:RNW393226 RDY393226:REA393226 QUC393226:QUE393226 QKG393226:QKI393226 QAK393226:QAM393226 PQO393226:PQQ393226 PGS393226:PGU393226 OWW393226:OWY393226 ONA393226:ONC393226 ODE393226:ODG393226 NTI393226:NTK393226 NJM393226:NJO393226 MZQ393226:MZS393226 MPU393226:MPW393226 MFY393226:MGA393226 LWC393226:LWE393226 LMG393226:LMI393226 LCK393226:LCM393226 KSO393226:KSQ393226 KIS393226:KIU393226 JYW393226:JYY393226 JPA393226:JPC393226 JFE393226:JFG393226 IVI393226:IVK393226 ILM393226:ILO393226 IBQ393226:IBS393226 HRU393226:HRW393226 HHY393226:HIA393226 GYC393226:GYE393226 GOG393226:GOI393226 GEK393226:GEM393226 FUO393226:FUQ393226 FKS393226:FKU393226 FAW393226:FAY393226 ERA393226:ERC393226 EHE393226:EHG393226 DXI393226:DXK393226 DNM393226:DNO393226 DDQ393226:DDS393226 CTU393226:CTW393226 CJY393226:CKA393226 CAC393226:CAE393226 BQG393226:BQI393226 BGK393226:BGM393226 AWO393226:AWQ393226 AMS393226:AMU393226 ACW393226:ACY393226 TA393226:TC393226 JE393226:JG393226 O393226:Q393226 WVQ327690:WVS327690 WLU327690:WLW327690 WBY327690:WCA327690 VSC327690:VSE327690 VIG327690:VII327690 UYK327690:UYM327690 UOO327690:UOQ327690 UES327690:UEU327690 TUW327690:TUY327690 TLA327690:TLC327690 TBE327690:TBG327690 SRI327690:SRK327690 SHM327690:SHO327690 RXQ327690:RXS327690 RNU327690:RNW327690 RDY327690:REA327690 QUC327690:QUE327690 QKG327690:QKI327690 QAK327690:QAM327690 PQO327690:PQQ327690 PGS327690:PGU327690 OWW327690:OWY327690 ONA327690:ONC327690 ODE327690:ODG327690 NTI327690:NTK327690 NJM327690:NJO327690 MZQ327690:MZS327690 MPU327690:MPW327690 MFY327690:MGA327690 LWC327690:LWE327690 LMG327690:LMI327690 LCK327690:LCM327690 KSO327690:KSQ327690 KIS327690:KIU327690 JYW327690:JYY327690 JPA327690:JPC327690 JFE327690:JFG327690 IVI327690:IVK327690 ILM327690:ILO327690 IBQ327690:IBS327690 HRU327690:HRW327690 HHY327690:HIA327690 GYC327690:GYE327690 GOG327690:GOI327690 GEK327690:GEM327690 FUO327690:FUQ327690 FKS327690:FKU327690 FAW327690:FAY327690 ERA327690:ERC327690 EHE327690:EHG327690 DXI327690:DXK327690 DNM327690:DNO327690 DDQ327690:DDS327690 CTU327690:CTW327690 CJY327690:CKA327690 CAC327690:CAE327690 BQG327690:BQI327690 BGK327690:BGM327690 AWO327690:AWQ327690 AMS327690:AMU327690 ACW327690:ACY327690 TA327690:TC327690 JE327690:JG327690 O327690:Q327690 WVQ262154:WVS262154 WLU262154:WLW262154 WBY262154:WCA262154 VSC262154:VSE262154 VIG262154:VII262154 UYK262154:UYM262154 UOO262154:UOQ262154 UES262154:UEU262154 TUW262154:TUY262154 TLA262154:TLC262154 TBE262154:TBG262154 SRI262154:SRK262154 SHM262154:SHO262154 RXQ262154:RXS262154 RNU262154:RNW262154 RDY262154:REA262154 QUC262154:QUE262154 QKG262154:QKI262154 QAK262154:QAM262154 PQO262154:PQQ262154 PGS262154:PGU262154 OWW262154:OWY262154 ONA262154:ONC262154 ODE262154:ODG262154 NTI262154:NTK262154 NJM262154:NJO262154 MZQ262154:MZS262154 MPU262154:MPW262154 MFY262154:MGA262154 LWC262154:LWE262154 LMG262154:LMI262154 LCK262154:LCM262154 KSO262154:KSQ262154 KIS262154:KIU262154 JYW262154:JYY262154 JPA262154:JPC262154 JFE262154:JFG262154 IVI262154:IVK262154 ILM262154:ILO262154 IBQ262154:IBS262154 HRU262154:HRW262154 HHY262154:HIA262154 GYC262154:GYE262154 GOG262154:GOI262154 GEK262154:GEM262154 FUO262154:FUQ262154 FKS262154:FKU262154 FAW262154:FAY262154 ERA262154:ERC262154 EHE262154:EHG262154 DXI262154:DXK262154 DNM262154:DNO262154 DDQ262154:DDS262154 CTU262154:CTW262154 CJY262154:CKA262154 CAC262154:CAE262154 BQG262154:BQI262154 BGK262154:BGM262154 AWO262154:AWQ262154 AMS262154:AMU262154 ACW262154:ACY262154 TA262154:TC262154 JE262154:JG262154 O262154:Q262154 WVQ196618:WVS196618 WLU196618:WLW196618 WBY196618:WCA196618 VSC196618:VSE196618 VIG196618:VII196618 UYK196618:UYM196618 UOO196618:UOQ196618 UES196618:UEU196618 TUW196618:TUY196618 TLA196618:TLC196618 TBE196618:TBG196618 SRI196618:SRK196618 SHM196618:SHO196618 RXQ196618:RXS196618 RNU196618:RNW196618 RDY196618:REA196618 QUC196618:QUE196618 QKG196618:QKI196618 QAK196618:QAM196618 PQO196618:PQQ196618 PGS196618:PGU196618 OWW196618:OWY196618 ONA196618:ONC196618 ODE196618:ODG196618 NTI196618:NTK196618 NJM196618:NJO196618 MZQ196618:MZS196618 MPU196618:MPW196618 MFY196618:MGA196618 LWC196618:LWE196618 LMG196618:LMI196618 LCK196618:LCM196618 KSO196618:KSQ196618 KIS196618:KIU196618 JYW196618:JYY196618 JPA196618:JPC196618 JFE196618:JFG196618 IVI196618:IVK196618 ILM196618:ILO196618 IBQ196618:IBS196618 HRU196618:HRW196618 HHY196618:HIA196618 GYC196618:GYE196618 GOG196618:GOI196618 GEK196618:GEM196618 FUO196618:FUQ196618 FKS196618:FKU196618 FAW196618:FAY196618 ERA196618:ERC196618 EHE196618:EHG196618 DXI196618:DXK196618 DNM196618:DNO196618 DDQ196618:DDS196618 CTU196618:CTW196618 CJY196618:CKA196618 CAC196618:CAE196618 BQG196618:BQI196618 BGK196618:BGM196618 AWO196618:AWQ196618 AMS196618:AMU196618 ACW196618:ACY196618 TA196618:TC196618 JE196618:JG196618 O196618:Q196618 WVQ131082:WVS131082 WLU131082:WLW131082 WBY131082:WCA131082 VSC131082:VSE131082 VIG131082:VII131082 UYK131082:UYM131082 UOO131082:UOQ131082 UES131082:UEU131082 TUW131082:TUY131082 TLA131082:TLC131082 TBE131082:TBG131082 SRI131082:SRK131082 SHM131082:SHO131082 RXQ131082:RXS131082 RNU131082:RNW131082 RDY131082:REA131082 QUC131082:QUE131082 QKG131082:QKI131082 QAK131082:QAM131082 PQO131082:PQQ131082 PGS131082:PGU131082 OWW131082:OWY131082 ONA131082:ONC131082 ODE131082:ODG131082 NTI131082:NTK131082 NJM131082:NJO131082 MZQ131082:MZS131082 MPU131082:MPW131082 MFY131082:MGA131082 LWC131082:LWE131082 LMG131082:LMI131082 LCK131082:LCM131082 KSO131082:KSQ131082 KIS131082:KIU131082 JYW131082:JYY131082 JPA131082:JPC131082 JFE131082:JFG131082 IVI131082:IVK131082 ILM131082:ILO131082 IBQ131082:IBS131082 HRU131082:HRW131082 HHY131082:HIA131082 GYC131082:GYE131082 GOG131082:GOI131082 GEK131082:GEM131082 FUO131082:FUQ131082 FKS131082:FKU131082 FAW131082:FAY131082 ERA131082:ERC131082 EHE131082:EHG131082 DXI131082:DXK131082 DNM131082:DNO131082 DDQ131082:DDS131082 CTU131082:CTW131082 CJY131082:CKA131082 CAC131082:CAE131082 BQG131082:BQI131082 BGK131082:BGM131082 AWO131082:AWQ131082 AMS131082:AMU131082 ACW131082:ACY131082 TA131082:TC131082 JE131082:JG131082 O131082:Q131082 WVQ65546:WVS65546 WLU65546:WLW65546 WBY65546:WCA65546 VSC65546:VSE65546 VIG65546:VII65546 UYK65546:UYM65546 UOO65546:UOQ65546 UES65546:UEU65546 TUW65546:TUY65546 TLA65546:TLC65546 TBE65546:TBG65546 SRI65546:SRK65546 SHM65546:SHO65546 RXQ65546:RXS65546 RNU65546:RNW65546 RDY65546:REA65546 QUC65546:QUE65546 QKG65546:QKI65546 QAK65546:QAM65546 PQO65546:PQQ65546 PGS65546:PGU65546 OWW65546:OWY65546 ONA65546:ONC65546 ODE65546:ODG65546 NTI65546:NTK65546 NJM65546:NJO65546 MZQ65546:MZS65546 MPU65546:MPW65546 MFY65546:MGA65546 LWC65546:LWE65546 LMG65546:LMI65546 LCK65546:LCM65546 KSO65546:KSQ65546 KIS65546:KIU65546 JYW65546:JYY65546 JPA65546:JPC65546 JFE65546:JFG65546 IVI65546:IVK65546 ILM65546:ILO65546 IBQ65546:IBS65546 HRU65546:HRW65546 HHY65546:HIA65546 GYC65546:GYE65546 GOG65546:GOI65546 GEK65546:GEM65546 FUO65546:FUQ65546 FKS65546:FKU65546 FAW65546:FAY65546 ERA65546:ERC65546 EHE65546:EHG65546 DXI65546:DXK65546 DNM65546:DNO65546 DDQ65546:DDS65546 CTU65546:CTW65546 CJY65546:CKA65546 CAC65546:CAE65546 BQG65546:BQI65546 BGK65546:BGM65546 AWO65546:AWQ65546 AMS65546:AMU65546 ACW65546:ACY65546 TA65546:TC65546 JE65546:JG65546 O65546:Q65546">
      <formula1>I65545&amp;""=ASC(I65545)</formula1>
    </dataValidation>
    <dataValidation imeMode="halfAlpha" allowBlank="1" showInputMessage="1" showErrorMessage="1" sqref="WVQ983055:WVS983055 WLU983055:WLW983055 WBY983055:WCA983055 VSC983055:VSE983055 VIG983055:VII983055 UYK983055:UYM983055 UOO983055:UOQ983055 UES983055:UEU983055 TUW983055:TUY983055 TLA983055:TLC983055 TBE983055:TBG983055 SRI983055:SRK983055 SHM983055:SHO983055 RXQ983055:RXS983055 RNU983055:RNW983055 RDY983055:REA983055 QUC983055:QUE983055 QKG983055:QKI983055 QAK983055:QAM983055 PQO983055:PQQ983055 PGS983055:PGU983055 OWW983055:OWY983055 ONA983055:ONC983055 ODE983055:ODG983055 NTI983055:NTK983055 NJM983055:NJO983055 MZQ983055:MZS983055 MPU983055:MPW983055 MFY983055:MGA983055 LWC983055:LWE983055 LMG983055:LMI983055 LCK983055:LCM983055 KSO983055:KSQ983055 KIS983055:KIU983055 JYW983055:JYY983055 JPA983055:JPC983055 JFE983055:JFG983055 IVI983055:IVK983055 ILM983055:ILO983055 IBQ983055:IBS983055 HRU983055:HRW983055 HHY983055:HIA983055 GYC983055:GYE983055 GOG983055:GOI983055 GEK983055:GEM983055 FUO983055:FUQ983055 FKS983055:FKU983055 FAW983055:FAY983055 ERA983055:ERC983055 EHE983055:EHG983055 DXI983055:DXK983055 DNM983055:DNO983055 DDQ983055:DDS983055 CTU983055:CTW983055 CJY983055:CKA983055 CAC983055:CAE983055 BQG983055:BQI983055 BGK983055:BGM983055 AWO983055:AWQ983055 AMS983055:AMU983055 ACW983055:ACY983055 TA983055:TC983055 JE983055:JG983055 O983055:Q983055 WVQ917519:WVS917519 WLU917519:WLW917519 WBY917519:WCA917519 VSC917519:VSE917519 VIG917519:VII917519 UYK917519:UYM917519 UOO917519:UOQ917519 UES917519:UEU917519 TUW917519:TUY917519 TLA917519:TLC917519 TBE917519:TBG917519 SRI917519:SRK917519 SHM917519:SHO917519 RXQ917519:RXS917519 RNU917519:RNW917519 RDY917519:REA917519 QUC917519:QUE917519 QKG917519:QKI917519 QAK917519:QAM917519 PQO917519:PQQ917519 PGS917519:PGU917519 OWW917519:OWY917519 ONA917519:ONC917519 ODE917519:ODG917519 NTI917519:NTK917519 NJM917519:NJO917519 MZQ917519:MZS917519 MPU917519:MPW917519 MFY917519:MGA917519 LWC917519:LWE917519 LMG917519:LMI917519 LCK917519:LCM917519 KSO917519:KSQ917519 KIS917519:KIU917519 JYW917519:JYY917519 JPA917519:JPC917519 JFE917519:JFG917519 IVI917519:IVK917519 ILM917519:ILO917519 IBQ917519:IBS917519 HRU917519:HRW917519 HHY917519:HIA917519 GYC917519:GYE917519 GOG917519:GOI917519 GEK917519:GEM917519 FUO917519:FUQ917519 FKS917519:FKU917519 FAW917519:FAY917519 ERA917519:ERC917519 EHE917519:EHG917519 DXI917519:DXK917519 DNM917519:DNO917519 DDQ917519:DDS917519 CTU917519:CTW917519 CJY917519:CKA917519 CAC917519:CAE917519 BQG917519:BQI917519 BGK917519:BGM917519 AWO917519:AWQ917519 AMS917519:AMU917519 ACW917519:ACY917519 TA917519:TC917519 JE917519:JG917519 O917519:Q917519 WVQ851983:WVS851983 WLU851983:WLW851983 WBY851983:WCA851983 VSC851983:VSE851983 VIG851983:VII851983 UYK851983:UYM851983 UOO851983:UOQ851983 UES851983:UEU851983 TUW851983:TUY851983 TLA851983:TLC851983 TBE851983:TBG851983 SRI851983:SRK851983 SHM851983:SHO851983 RXQ851983:RXS851983 RNU851983:RNW851983 RDY851983:REA851983 QUC851983:QUE851983 QKG851983:QKI851983 QAK851983:QAM851983 PQO851983:PQQ851983 PGS851983:PGU851983 OWW851983:OWY851983 ONA851983:ONC851983 ODE851983:ODG851983 NTI851983:NTK851983 NJM851983:NJO851983 MZQ851983:MZS851983 MPU851983:MPW851983 MFY851983:MGA851983 LWC851983:LWE851983 LMG851983:LMI851983 LCK851983:LCM851983 KSO851983:KSQ851983 KIS851983:KIU851983 JYW851983:JYY851983 JPA851983:JPC851983 JFE851983:JFG851983 IVI851983:IVK851983 ILM851983:ILO851983 IBQ851983:IBS851983 HRU851983:HRW851983 HHY851983:HIA851983 GYC851983:GYE851983 GOG851983:GOI851983 GEK851983:GEM851983 FUO851983:FUQ851983 FKS851983:FKU851983 FAW851983:FAY851983 ERA851983:ERC851983 EHE851983:EHG851983 DXI851983:DXK851983 DNM851983:DNO851983 DDQ851983:DDS851983 CTU851983:CTW851983 CJY851983:CKA851983 CAC851983:CAE851983 BQG851983:BQI851983 BGK851983:BGM851983 AWO851983:AWQ851983 AMS851983:AMU851983 ACW851983:ACY851983 TA851983:TC851983 JE851983:JG851983 O851983:Q851983 WVQ786447:WVS786447 WLU786447:WLW786447 WBY786447:WCA786447 VSC786447:VSE786447 VIG786447:VII786447 UYK786447:UYM786447 UOO786447:UOQ786447 UES786447:UEU786447 TUW786447:TUY786447 TLA786447:TLC786447 TBE786447:TBG786447 SRI786447:SRK786447 SHM786447:SHO786447 RXQ786447:RXS786447 RNU786447:RNW786447 RDY786447:REA786447 QUC786447:QUE786447 QKG786447:QKI786447 QAK786447:QAM786447 PQO786447:PQQ786447 PGS786447:PGU786447 OWW786447:OWY786447 ONA786447:ONC786447 ODE786447:ODG786447 NTI786447:NTK786447 NJM786447:NJO786447 MZQ786447:MZS786447 MPU786447:MPW786447 MFY786447:MGA786447 LWC786447:LWE786447 LMG786447:LMI786447 LCK786447:LCM786447 KSO786447:KSQ786447 KIS786447:KIU786447 JYW786447:JYY786447 JPA786447:JPC786447 JFE786447:JFG786447 IVI786447:IVK786447 ILM786447:ILO786447 IBQ786447:IBS786447 HRU786447:HRW786447 HHY786447:HIA786447 GYC786447:GYE786447 GOG786447:GOI786447 GEK786447:GEM786447 FUO786447:FUQ786447 FKS786447:FKU786447 FAW786447:FAY786447 ERA786447:ERC786447 EHE786447:EHG786447 DXI786447:DXK786447 DNM786447:DNO786447 DDQ786447:DDS786447 CTU786447:CTW786447 CJY786447:CKA786447 CAC786447:CAE786447 BQG786447:BQI786447 BGK786447:BGM786447 AWO786447:AWQ786447 AMS786447:AMU786447 ACW786447:ACY786447 TA786447:TC786447 JE786447:JG786447 O786447:Q786447 WVQ720911:WVS720911 WLU720911:WLW720911 WBY720911:WCA720911 VSC720911:VSE720911 VIG720911:VII720911 UYK720911:UYM720911 UOO720911:UOQ720911 UES720911:UEU720911 TUW720911:TUY720911 TLA720911:TLC720911 TBE720911:TBG720911 SRI720911:SRK720911 SHM720911:SHO720911 RXQ720911:RXS720911 RNU720911:RNW720911 RDY720911:REA720911 QUC720911:QUE720911 QKG720911:QKI720911 QAK720911:QAM720911 PQO720911:PQQ720911 PGS720911:PGU720911 OWW720911:OWY720911 ONA720911:ONC720911 ODE720911:ODG720911 NTI720911:NTK720911 NJM720911:NJO720911 MZQ720911:MZS720911 MPU720911:MPW720911 MFY720911:MGA720911 LWC720911:LWE720911 LMG720911:LMI720911 LCK720911:LCM720911 KSO720911:KSQ720911 KIS720911:KIU720911 JYW720911:JYY720911 JPA720911:JPC720911 JFE720911:JFG720911 IVI720911:IVK720911 ILM720911:ILO720911 IBQ720911:IBS720911 HRU720911:HRW720911 HHY720911:HIA720911 GYC720911:GYE720911 GOG720911:GOI720911 GEK720911:GEM720911 FUO720911:FUQ720911 FKS720911:FKU720911 FAW720911:FAY720911 ERA720911:ERC720911 EHE720911:EHG720911 DXI720911:DXK720911 DNM720911:DNO720911 DDQ720911:DDS720911 CTU720911:CTW720911 CJY720911:CKA720911 CAC720911:CAE720911 BQG720911:BQI720911 BGK720911:BGM720911 AWO720911:AWQ720911 AMS720911:AMU720911 ACW720911:ACY720911 TA720911:TC720911 JE720911:JG720911 O720911:Q720911 WVQ655375:WVS655375 WLU655375:WLW655375 WBY655375:WCA655375 VSC655375:VSE655375 VIG655375:VII655375 UYK655375:UYM655375 UOO655375:UOQ655375 UES655375:UEU655375 TUW655375:TUY655375 TLA655375:TLC655375 TBE655375:TBG655375 SRI655375:SRK655375 SHM655375:SHO655375 RXQ655375:RXS655375 RNU655375:RNW655375 RDY655375:REA655375 QUC655375:QUE655375 QKG655375:QKI655375 QAK655375:QAM655375 PQO655375:PQQ655375 PGS655375:PGU655375 OWW655375:OWY655375 ONA655375:ONC655375 ODE655375:ODG655375 NTI655375:NTK655375 NJM655375:NJO655375 MZQ655375:MZS655375 MPU655375:MPW655375 MFY655375:MGA655375 LWC655375:LWE655375 LMG655375:LMI655375 LCK655375:LCM655375 KSO655375:KSQ655375 KIS655375:KIU655375 JYW655375:JYY655375 JPA655375:JPC655375 JFE655375:JFG655375 IVI655375:IVK655375 ILM655375:ILO655375 IBQ655375:IBS655375 HRU655375:HRW655375 HHY655375:HIA655375 GYC655375:GYE655375 GOG655375:GOI655375 GEK655375:GEM655375 FUO655375:FUQ655375 FKS655375:FKU655375 FAW655375:FAY655375 ERA655375:ERC655375 EHE655375:EHG655375 DXI655375:DXK655375 DNM655375:DNO655375 DDQ655375:DDS655375 CTU655375:CTW655375 CJY655375:CKA655375 CAC655375:CAE655375 BQG655375:BQI655375 BGK655375:BGM655375 AWO655375:AWQ655375 AMS655375:AMU655375 ACW655375:ACY655375 TA655375:TC655375 JE655375:JG655375 O655375:Q655375 WVQ589839:WVS589839 WLU589839:WLW589839 WBY589839:WCA589839 VSC589839:VSE589839 VIG589839:VII589839 UYK589839:UYM589839 UOO589839:UOQ589839 UES589839:UEU589839 TUW589839:TUY589839 TLA589839:TLC589839 TBE589839:TBG589839 SRI589839:SRK589839 SHM589839:SHO589839 RXQ589839:RXS589839 RNU589839:RNW589839 RDY589839:REA589839 QUC589839:QUE589839 QKG589839:QKI589839 QAK589839:QAM589839 PQO589839:PQQ589839 PGS589839:PGU589839 OWW589839:OWY589839 ONA589839:ONC589839 ODE589839:ODG589839 NTI589839:NTK589839 NJM589839:NJO589839 MZQ589839:MZS589839 MPU589839:MPW589839 MFY589839:MGA589839 LWC589839:LWE589839 LMG589839:LMI589839 LCK589839:LCM589839 KSO589839:KSQ589839 KIS589839:KIU589839 JYW589839:JYY589839 JPA589839:JPC589839 JFE589839:JFG589839 IVI589839:IVK589839 ILM589839:ILO589839 IBQ589839:IBS589839 HRU589839:HRW589839 HHY589839:HIA589839 GYC589839:GYE589839 GOG589839:GOI589839 GEK589839:GEM589839 FUO589839:FUQ589839 FKS589839:FKU589839 FAW589839:FAY589839 ERA589839:ERC589839 EHE589839:EHG589839 DXI589839:DXK589839 DNM589839:DNO589839 DDQ589839:DDS589839 CTU589839:CTW589839 CJY589839:CKA589839 CAC589839:CAE589839 BQG589839:BQI589839 BGK589839:BGM589839 AWO589839:AWQ589839 AMS589839:AMU589839 ACW589839:ACY589839 TA589839:TC589839 JE589839:JG589839 O589839:Q589839 WVQ524303:WVS524303 WLU524303:WLW524303 WBY524303:WCA524303 VSC524303:VSE524303 VIG524303:VII524303 UYK524303:UYM524303 UOO524303:UOQ524303 UES524303:UEU524303 TUW524303:TUY524303 TLA524303:TLC524303 TBE524303:TBG524303 SRI524303:SRK524303 SHM524303:SHO524303 RXQ524303:RXS524303 RNU524303:RNW524303 RDY524303:REA524303 QUC524303:QUE524303 QKG524303:QKI524303 QAK524303:QAM524303 PQO524303:PQQ524303 PGS524303:PGU524303 OWW524303:OWY524303 ONA524303:ONC524303 ODE524303:ODG524303 NTI524303:NTK524303 NJM524303:NJO524303 MZQ524303:MZS524303 MPU524303:MPW524303 MFY524303:MGA524303 LWC524303:LWE524303 LMG524303:LMI524303 LCK524303:LCM524303 KSO524303:KSQ524303 KIS524303:KIU524303 JYW524303:JYY524303 JPA524303:JPC524303 JFE524303:JFG524303 IVI524303:IVK524303 ILM524303:ILO524303 IBQ524303:IBS524303 HRU524303:HRW524303 HHY524303:HIA524303 GYC524303:GYE524303 GOG524303:GOI524303 GEK524303:GEM524303 FUO524303:FUQ524303 FKS524303:FKU524303 FAW524303:FAY524303 ERA524303:ERC524303 EHE524303:EHG524303 DXI524303:DXK524303 DNM524303:DNO524303 DDQ524303:DDS524303 CTU524303:CTW524303 CJY524303:CKA524303 CAC524303:CAE524303 BQG524303:BQI524303 BGK524303:BGM524303 AWO524303:AWQ524303 AMS524303:AMU524303 ACW524303:ACY524303 TA524303:TC524303 JE524303:JG524303 O524303:Q524303 WVQ458767:WVS458767 WLU458767:WLW458767 WBY458767:WCA458767 VSC458767:VSE458767 VIG458767:VII458767 UYK458767:UYM458767 UOO458767:UOQ458767 UES458767:UEU458767 TUW458767:TUY458767 TLA458767:TLC458767 TBE458767:TBG458767 SRI458767:SRK458767 SHM458767:SHO458767 RXQ458767:RXS458767 RNU458767:RNW458767 RDY458767:REA458767 QUC458767:QUE458767 QKG458767:QKI458767 QAK458767:QAM458767 PQO458767:PQQ458767 PGS458767:PGU458767 OWW458767:OWY458767 ONA458767:ONC458767 ODE458767:ODG458767 NTI458767:NTK458767 NJM458767:NJO458767 MZQ458767:MZS458767 MPU458767:MPW458767 MFY458767:MGA458767 LWC458767:LWE458767 LMG458767:LMI458767 LCK458767:LCM458767 KSO458767:KSQ458767 KIS458767:KIU458767 JYW458767:JYY458767 JPA458767:JPC458767 JFE458767:JFG458767 IVI458767:IVK458767 ILM458767:ILO458767 IBQ458767:IBS458767 HRU458767:HRW458767 HHY458767:HIA458767 GYC458767:GYE458767 GOG458767:GOI458767 GEK458767:GEM458767 FUO458767:FUQ458767 FKS458767:FKU458767 FAW458767:FAY458767 ERA458767:ERC458767 EHE458767:EHG458767 DXI458767:DXK458767 DNM458767:DNO458767 DDQ458767:DDS458767 CTU458767:CTW458767 CJY458767:CKA458767 CAC458767:CAE458767 BQG458767:BQI458767 BGK458767:BGM458767 AWO458767:AWQ458767 AMS458767:AMU458767 ACW458767:ACY458767 TA458767:TC458767 JE458767:JG458767 O458767:Q458767 WVQ393231:WVS393231 WLU393231:WLW393231 WBY393231:WCA393231 VSC393231:VSE393231 VIG393231:VII393231 UYK393231:UYM393231 UOO393231:UOQ393231 UES393231:UEU393231 TUW393231:TUY393231 TLA393231:TLC393231 TBE393231:TBG393231 SRI393231:SRK393231 SHM393231:SHO393231 RXQ393231:RXS393231 RNU393231:RNW393231 RDY393231:REA393231 QUC393231:QUE393231 QKG393231:QKI393231 QAK393231:QAM393231 PQO393231:PQQ393231 PGS393231:PGU393231 OWW393231:OWY393231 ONA393231:ONC393231 ODE393231:ODG393231 NTI393231:NTK393231 NJM393231:NJO393231 MZQ393231:MZS393231 MPU393231:MPW393231 MFY393231:MGA393231 LWC393231:LWE393231 LMG393231:LMI393231 LCK393231:LCM393231 KSO393231:KSQ393231 KIS393231:KIU393231 JYW393231:JYY393231 JPA393231:JPC393231 JFE393231:JFG393231 IVI393231:IVK393231 ILM393231:ILO393231 IBQ393231:IBS393231 HRU393231:HRW393231 HHY393231:HIA393231 GYC393231:GYE393231 GOG393231:GOI393231 GEK393231:GEM393231 FUO393231:FUQ393231 FKS393231:FKU393231 FAW393231:FAY393231 ERA393231:ERC393231 EHE393231:EHG393231 DXI393231:DXK393231 DNM393231:DNO393231 DDQ393231:DDS393231 CTU393231:CTW393231 CJY393231:CKA393231 CAC393231:CAE393231 BQG393231:BQI393231 BGK393231:BGM393231 AWO393231:AWQ393231 AMS393231:AMU393231 ACW393231:ACY393231 TA393231:TC393231 JE393231:JG393231 O393231:Q393231 WVQ327695:WVS327695 WLU327695:WLW327695 WBY327695:WCA327695 VSC327695:VSE327695 VIG327695:VII327695 UYK327695:UYM327695 UOO327695:UOQ327695 UES327695:UEU327695 TUW327695:TUY327695 TLA327695:TLC327695 TBE327695:TBG327695 SRI327695:SRK327695 SHM327695:SHO327695 RXQ327695:RXS327695 RNU327695:RNW327695 RDY327695:REA327695 QUC327695:QUE327695 QKG327695:QKI327695 QAK327695:QAM327695 PQO327695:PQQ327695 PGS327695:PGU327695 OWW327695:OWY327695 ONA327695:ONC327695 ODE327695:ODG327695 NTI327695:NTK327695 NJM327695:NJO327695 MZQ327695:MZS327695 MPU327695:MPW327695 MFY327695:MGA327695 LWC327695:LWE327695 LMG327695:LMI327695 LCK327695:LCM327695 KSO327695:KSQ327695 KIS327695:KIU327695 JYW327695:JYY327695 JPA327695:JPC327695 JFE327695:JFG327695 IVI327695:IVK327695 ILM327695:ILO327695 IBQ327695:IBS327695 HRU327695:HRW327695 HHY327695:HIA327695 GYC327695:GYE327695 GOG327695:GOI327695 GEK327695:GEM327695 FUO327695:FUQ327695 FKS327695:FKU327695 FAW327695:FAY327695 ERA327695:ERC327695 EHE327695:EHG327695 DXI327695:DXK327695 DNM327695:DNO327695 DDQ327695:DDS327695 CTU327695:CTW327695 CJY327695:CKA327695 CAC327695:CAE327695 BQG327695:BQI327695 BGK327695:BGM327695 AWO327695:AWQ327695 AMS327695:AMU327695 ACW327695:ACY327695 TA327695:TC327695 JE327695:JG327695 O327695:Q327695 WVQ262159:WVS262159 WLU262159:WLW262159 WBY262159:WCA262159 VSC262159:VSE262159 VIG262159:VII262159 UYK262159:UYM262159 UOO262159:UOQ262159 UES262159:UEU262159 TUW262159:TUY262159 TLA262159:TLC262159 TBE262159:TBG262159 SRI262159:SRK262159 SHM262159:SHO262159 RXQ262159:RXS262159 RNU262159:RNW262159 RDY262159:REA262159 QUC262159:QUE262159 QKG262159:QKI262159 QAK262159:QAM262159 PQO262159:PQQ262159 PGS262159:PGU262159 OWW262159:OWY262159 ONA262159:ONC262159 ODE262159:ODG262159 NTI262159:NTK262159 NJM262159:NJO262159 MZQ262159:MZS262159 MPU262159:MPW262159 MFY262159:MGA262159 LWC262159:LWE262159 LMG262159:LMI262159 LCK262159:LCM262159 KSO262159:KSQ262159 KIS262159:KIU262159 JYW262159:JYY262159 JPA262159:JPC262159 JFE262159:JFG262159 IVI262159:IVK262159 ILM262159:ILO262159 IBQ262159:IBS262159 HRU262159:HRW262159 HHY262159:HIA262159 GYC262159:GYE262159 GOG262159:GOI262159 GEK262159:GEM262159 FUO262159:FUQ262159 FKS262159:FKU262159 FAW262159:FAY262159 ERA262159:ERC262159 EHE262159:EHG262159 DXI262159:DXK262159 DNM262159:DNO262159 DDQ262159:DDS262159 CTU262159:CTW262159 CJY262159:CKA262159 CAC262159:CAE262159 BQG262159:BQI262159 BGK262159:BGM262159 AWO262159:AWQ262159 AMS262159:AMU262159 ACW262159:ACY262159 TA262159:TC262159 JE262159:JG262159 O262159:Q262159 WVQ196623:WVS196623 WLU196623:WLW196623 WBY196623:WCA196623 VSC196623:VSE196623 VIG196623:VII196623 UYK196623:UYM196623 UOO196623:UOQ196623 UES196623:UEU196623 TUW196623:TUY196623 TLA196623:TLC196623 TBE196623:TBG196623 SRI196623:SRK196623 SHM196623:SHO196623 RXQ196623:RXS196623 RNU196623:RNW196623 RDY196623:REA196623 QUC196623:QUE196623 QKG196623:QKI196623 QAK196623:QAM196623 PQO196623:PQQ196623 PGS196623:PGU196623 OWW196623:OWY196623 ONA196623:ONC196623 ODE196623:ODG196623 NTI196623:NTK196623 NJM196623:NJO196623 MZQ196623:MZS196623 MPU196623:MPW196623 MFY196623:MGA196623 LWC196623:LWE196623 LMG196623:LMI196623 LCK196623:LCM196623 KSO196623:KSQ196623 KIS196623:KIU196623 JYW196623:JYY196623 JPA196623:JPC196623 JFE196623:JFG196623 IVI196623:IVK196623 ILM196623:ILO196623 IBQ196623:IBS196623 HRU196623:HRW196623 HHY196623:HIA196623 GYC196623:GYE196623 GOG196623:GOI196623 GEK196623:GEM196623 FUO196623:FUQ196623 FKS196623:FKU196623 FAW196623:FAY196623 ERA196623:ERC196623 EHE196623:EHG196623 DXI196623:DXK196623 DNM196623:DNO196623 DDQ196623:DDS196623 CTU196623:CTW196623 CJY196623:CKA196623 CAC196623:CAE196623 BQG196623:BQI196623 BGK196623:BGM196623 AWO196623:AWQ196623 AMS196623:AMU196623 ACW196623:ACY196623 TA196623:TC196623 JE196623:JG196623 O196623:Q196623 WVQ131087:WVS131087 WLU131087:WLW131087 WBY131087:WCA131087 VSC131087:VSE131087 VIG131087:VII131087 UYK131087:UYM131087 UOO131087:UOQ131087 UES131087:UEU131087 TUW131087:TUY131087 TLA131087:TLC131087 TBE131087:TBG131087 SRI131087:SRK131087 SHM131087:SHO131087 RXQ131087:RXS131087 RNU131087:RNW131087 RDY131087:REA131087 QUC131087:QUE131087 QKG131087:QKI131087 QAK131087:QAM131087 PQO131087:PQQ131087 PGS131087:PGU131087 OWW131087:OWY131087 ONA131087:ONC131087 ODE131087:ODG131087 NTI131087:NTK131087 NJM131087:NJO131087 MZQ131087:MZS131087 MPU131087:MPW131087 MFY131087:MGA131087 LWC131087:LWE131087 LMG131087:LMI131087 LCK131087:LCM131087 KSO131087:KSQ131087 KIS131087:KIU131087 JYW131087:JYY131087 JPA131087:JPC131087 JFE131087:JFG131087 IVI131087:IVK131087 ILM131087:ILO131087 IBQ131087:IBS131087 HRU131087:HRW131087 HHY131087:HIA131087 GYC131087:GYE131087 GOG131087:GOI131087 GEK131087:GEM131087 FUO131087:FUQ131087 FKS131087:FKU131087 FAW131087:FAY131087 ERA131087:ERC131087 EHE131087:EHG131087 DXI131087:DXK131087 DNM131087:DNO131087 DDQ131087:DDS131087 CTU131087:CTW131087 CJY131087:CKA131087 CAC131087:CAE131087 BQG131087:BQI131087 BGK131087:BGM131087 AWO131087:AWQ131087 AMS131087:AMU131087 ACW131087:ACY131087 TA131087:TC131087 JE131087:JG131087 O131087:Q131087 WVQ65551:WVS65551 WLU65551:WLW65551 WBY65551:WCA65551 VSC65551:VSE65551 VIG65551:VII65551 UYK65551:UYM65551 UOO65551:UOQ65551 UES65551:UEU65551 TUW65551:TUY65551 TLA65551:TLC65551 TBE65551:TBG65551 SRI65551:SRK65551 SHM65551:SHO65551 RXQ65551:RXS65551 RNU65551:RNW65551 RDY65551:REA65551 QUC65551:QUE65551 QKG65551:QKI65551 QAK65551:QAM65551 PQO65551:PQQ65551 PGS65551:PGU65551 OWW65551:OWY65551 ONA65551:ONC65551 ODE65551:ODG65551 NTI65551:NTK65551 NJM65551:NJO65551 MZQ65551:MZS65551 MPU65551:MPW65551 MFY65551:MGA65551 LWC65551:LWE65551 LMG65551:LMI65551 LCK65551:LCM65551 KSO65551:KSQ65551 KIS65551:KIU65551 JYW65551:JYY65551 JPA65551:JPC65551 JFE65551:JFG65551 IVI65551:IVK65551 ILM65551:ILO65551 IBQ65551:IBS65551 HRU65551:HRW65551 HHY65551:HIA65551 GYC65551:GYE65551 GOG65551:GOI65551 GEK65551:GEM65551 FUO65551:FUQ65551 FKS65551:FKU65551 FAW65551:FAY65551 ERA65551:ERC65551 EHE65551:EHG65551 DXI65551:DXK65551 DNM65551:DNO65551 DDQ65551:DDS65551 CTU65551:CTW65551 CJY65551:CKA65551 CAC65551:CAE65551 BQG65551:BQI65551 BGK65551:BGM65551 AWO65551:AWQ65551 AMS65551:AMU65551 ACW65551:ACY65551 TA65551:TC65551 JE65551:JG65551 O65551:Q65551"/>
    <dataValidation type="custom" imeMode="halfAlpha" allowBlank="1" showInputMessage="1" showErrorMessage="1" sqref="WVK983046 WLO983046 WBS983046 VRW983046 VIA983046 UYE983046 UOI983046 UEM983046 TUQ983046 TKU983046 TAY983046 SRC983046 SHG983046 RXK983046 RNO983046 RDS983046 QTW983046 QKA983046 QAE983046 PQI983046 PGM983046 OWQ983046 OMU983046 OCY983046 NTC983046 NJG983046 MZK983046 MPO983046 MFS983046 LVW983046 LMA983046 LCE983046 KSI983046 KIM983046 JYQ983046 JOU983046 JEY983046 IVC983046 ILG983046 IBK983046 HRO983046 HHS983046 GXW983046 GOA983046 GEE983046 FUI983046 FKM983046 FAQ983046 EQU983046 EGY983046 DXC983046 DNG983046 DDK983046 CTO983046 CJS983046 BZW983046 BQA983046 BGE983046 AWI983046 AMM983046 ACQ983046 SU983046 IY983046 I983046 WVK917510 WLO917510 WBS917510 VRW917510 VIA917510 UYE917510 UOI917510 UEM917510 TUQ917510 TKU917510 TAY917510 SRC917510 SHG917510 RXK917510 RNO917510 RDS917510 QTW917510 QKA917510 QAE917510 PQI917510 PGM917510 OWQ917510 OMU917510 OCY917510 NTC917510 NJG917510 MZK917510 MPO917510 MFS917510 LVW917510 LMA917510 LCE917510 KSI917510 KIM917510 JYQ917510 JOU917510 JEY917510 IVC917510 ILG917510 IBK917510 HRO917510 HHS917510 GXW917510 GOA917510 GEE917510 FUI917510 FKM917510 FAQ917510 EQU917510 EGY917510 DXC917510 DNG917510 DDK917510 CTO917510 CJS917510 BZW917510 BQA917510 BGE917510 AWI917510 AMM917510 ACQ917510 SU917510 IY917510 I917510 WVK851974 WLO851974 WBS851974 VRW851974 VIA851974 UYE851974 UOI851974 UEM851974 TUQ851974 TKU851974 TAY851974 SRC851974 SHG851974 RXK851974 RNO851974 RDS851974 QTW851974 QKA851974 QAE851974 PQI851974 PGM851974 OWQ851974 OMU851974 OCY851974 NTC851974 NJG851974 MZK851974 MPO851974 MFS851974 LVW851974 LMA851974 LCE851974 KSI851974 KIM851974 JYQ851974 JOU851974 JEY851974 IVC851974 ILG851974 IBK851974 HRO851974 HHS851974 GXW851974 GOA851974 GEE851974 FUI851974 FKM851974 FAQ851974 EQU851974 EGY851974 DXC851974 DNG851974 DDK851974 CTO851974 CJS851974 BZW851974 BQA851974 BGE851974 AWI851974 AMM851974 ACQ851974 SU851974 IY851974 I851974 WVK786438 WLO786438 WBS786438 VRW786438 VIA786438 UYE786438 UOI786438 UEM786438 TUQ786438 TKU786438 TAY786438 SRC786438 SHG786438 RXK786438 RNO786438 RDS786438 QTW786438 QKA786438 QAE786438 PQI786438 PGM786438 OWQ786438 OMU786438 OCY786438 NTC786438 NJG786438 MZK786438 MPO786438 MFS786438 LVW786438 LMA786438 LCE786438 KSI786438 KIM786438 JYQ786438 JOU786438 JEY786438 IVC786438 ILG786438 IBK786438 HRO786438 HHS786438 GXW786438 GOA786438 GEE786438 FUI786438 FKM786438 FAQ786438 EQU786438 EGY786438 DXC786438 DNG786438 DDK786438 CTO786438 CJS786438 BZW786438 BQA786438 BGE786438 AWI786438 AMM786438 ACQ786438 SU786438 IY786438 I786438 WVK720902 WLO720902 WBS720902 VRW720902 VIA720902 UYE720902 UOI720902 UEM720902 TUQ720902 TKU720902 TAY720902 SRC720902 SHG720902 RXK720902 RNO720902 RDS720902 QTW720902 QKA720902 QAE720902 PQI720902 PGM720902 OWQ720902 OMU720902 OCY720902 NTC720902 NJG720902 MZK720902 MPO720902 MFS720902 LVW720902 LMA720902 LCE720902 KSI720902 KIM720902 JYQ720902 JOU720902 JEY720902 IVC720902 ILG720902 IBK720902 HRO720902 HHS720902 GXW720902 GOA720902 GEE720902 FUI720902 FKM720902 FAQ720902 EQU720902 EGY720902 DXC720902 DNG720902 DDK720902 CTO720902 CJS720902 BZW720902 BQA720902 BGE720902 AWI720902 AMM720902 ACQ720902 SU720902 IY720902 I720902 WVK655366 WLO655366 WBS655366 VRW655366 VIA655366 UYE655366 UOI655366 UEM655366 TUQ655366 TKU655366 TAY655366 SRC655366 SHG655366 RXK655366 RNO655366 RDS655366 QTW655366 QKA655366 QAE655366 PQI655366 PGM655366 OWQ655366 OMU655366 OCY655366 NTC655366 NJG655366 MZK655366 MPO655366 MFS655366 LVW655366 LMA655366 LCE655366 KSI655366 KIM655366 JYQ655366 JOU655366 JEY655366 IVC655366 ILG655366 IBK655366 HRO655366 HHS655366 GXW655366 GOA655366 GEE655366 FUI655366 FKM655366 FAQ655366 EQU655366 EGY655366 DXC655366 DNG655366 DDK655366 CTO655366 CJS655366 BZW655366 BQA655366 BGE655366 AWI655366 AMM655366 ACQ655366 SU655366 IY655366 I655366 WVK589830 WLO589830 WBS589830 VRW589830 VIA589830 UYE589830 UOI589830 UEM589830 TUQ589830 TKU589830 TAY589830 SRC589830 SHG589830 RXK589830 RNO589830 RDS589830 QTW589830 QKA589830 QAE589830 PQI589830 PGM589830 OWQ589830 OMU589830 OCY589830 NTC589830 NJG589830 MZK589830 MPO589830 MFS589830 LVW589830 LMA589830 LCE589830 KSI589830 KIM589830 JYQ589830 JOU589830 JEY589830 IVC589830 ILG589830 IBK589830 HRO589830 HHS589830 GXW589830 GOA589830 GEE589830 FUI589830 FKM589830 FAQ589830 EQU589830 EGY589830 DXC589830 DNG589830 DDK589830 CTO589830 CJS589830 BZW589830 BQA589830 BGE589830 AWI589830 AMM589830 ACQ589830 SU589830 IY589830 I589830 WVK524294 WLO524294 WBS524294 VRW524294 VIA524294 UYE524294 UOI524294 UEM524294 TUQ524294 TKU524294 TAY524294 SRC524294 SHG524294 RXK524294 RNO524294 RDS524294 QTW524294 QKA524294 QAE524294 PQI524294 PGM524294 OWQ524294 OMU524294 OCY524294 NTC524294 NJG524294 MZK524294 MPO524294 MFS524294 LVW524294 LMA524294 LCE524294 KSI524294 KIM524294 JYQ524294 JOU524294 JEY524294 IVC524294 ILG524294 IBK524294 HRO524294 HHS524294 GXW524294 GOA524294 GEE524294 FUI524294 FKM524294 FAQ524294 EQU524294 EGY524294 DXC524294 DNG524294 DDK524294 CTO524294 CJS524294 BZW524294 BQA524294 BGE524294 AWI524294 AMM524294 ACQ524294 SU524294 IY524294 I524294 WVK458758 WLO458758 WBS458758 VRW458758 VIA458758 UYE458758 UOI458758 UEM458758 TUQ458758 TKU458758 TAY458758 SRC458758 SHG458758 RXK458758 RNO458758 RDS458758 QTW458758 QKA458758 QAE458758 PQI458758 PGM458758 OWQ458758 OMU458758 OCY458758 NTC458758 NJG458758 MZK458758 MPO458758 MFS458758 LVW458758 LMA458758 LCE458758 KSI458758 KIM458758 JYQ458758 JOU458758 JEY458758 IVC458758 ILG458758 IBK458758 HRO458758 HHS458758 GXW458758 GOA458758 GEE458758 FUI458758 FKM458758 FAQ458758 EQU458758 EGY458758 DXC458758 DNG458758 DDK458758 CTO458758 CJS458758 BZW458758 BQA458758 BGE458758 AWI458758 AMM458758 ACQ458758 SU458758 IY458758 I458758 WVK393222 WLO393222 WBS393222 VRW393222 VIA393222 UYE393222 UOI393222 UEM393222 TUQ393222 TKU393222 TAY393222 SRC393222 SHG393222 RXK393222 RNO393222 RDS393222 QTW393222 QKA393222 QAE393222 PQI393222 PGM393222 OWQ393222 OMU393222 OCY393222 NTC393222 NJG393222 MZK393222 MPO393222 MFS393222 LVW393222 LMA393222 LCE393222 KSI393222 KIM393222 JYQ393222 JOU393222 JEY393222 IVC393222 ILG393222 IBK393222 HRO393222 HHS393222 GXW393222 GOA393222 GEE393222 FUI393222 FKM393222 FAQ393222 EQU393222 EGY393222 DXC393222 DNG393222 DDK393222 CTO393222 CJS393222 BZW393222 BQA393222 BGE393222 AWI393222 AMM393222 ACQ393222 SU393222 IY393222 I393222 WVK327686 WLO327686 WBS327686 VRW327686 VIA327686 UYE327686 UOI327686 UEM327686 TUQ327686 TKU327686 TAY327686 SRC327686 SHG327686 RXK327686 RNO327686 RDS327686 QTW327686 QKA327686 QAE327686 PQI327686 PGM327686 OWQ327686 OMU327686 OCY327686 NTC327686 NJG327686 MZK327686 MPO327686 MFS327686 LVW327686 LMA327686 LCE327686 KSI327686 KIM327686 JYQ327686 JOU327686 JEY327686 IVC327686 ILG327686 IBK327686 HRO327686 HHS327686 GXW327686 GOA327686 GEE327686 FUI327686 FKM327686 FAQ327686 EQU327686 EGY327686 DXC327686 DNG327686 DDK327686 CTO327686 CJS327686 BZW327686 BQA327686 BGE327686 AWI327686 AMM327686 ACQ327686 SU327686 IY327686 I327686 WVK262150 WLO262150 WBS262150 VRW262150 VIA262150 UYE262150 UOI262150 UEM262150 TUQ262150 TKU262150 TAY262150 SRC262150 SHG262150 RXK262150 RNO262150 RDS262150 QTW262150 QKA262150 QAE262150 PQI262150 PGM262150 OWQ262150 OMU262150 OCY262150 NTC262150 NJG262150 MZK262150 MPO262150 MFS262150 LVW262150 LMA262150 LCE262150 KSI262150 KIM262150 JYQ262150 JOU262150 JEY262150 IVC262150 ILG262150 IBK262150 HRO262150 HHS262150 GXW262150 GOA262150 GEE262150 FUI262150 FKM262150 FAQ262150 EQU262150 EGY262150 DXC262150 DNG262150 DDK262150 CTO262150 CJS262150 BZW262150 BQA262150 BGE262150 AWI262150 AMM262150 ACQ262150 SU262150 IY262150 I262150 WVK196614 WLO196614 WBS196614 VRW196614 VIA196614 UYE196614 UOI196614 UEM196614 TUQ196614 TKU196614 TAY196614 SRC196614 SHG196614 RXK196614 RNO196614 RDS196614 QTW196614 QKA196614 QAE196614 PQI196614 PGM196614 OWQ196614 OMU196614 OCY196614 NTC196614 NJG196614 MZK196614 MPO196614 MFS196614 LVW196614 LMA196614 LCE196614 KSI196614 KIM196614 JYQ196614 JOU196614 JEY196614 IVC196614 ILG196614 IBK196614 HRO196614 HHS196614 GXW196614 GOA196614 GEE196614 FUI196614 FKM196614 FAQ196614 EQU196614 EGY196614 DXC196614 DNG196614 DDK196614 CTO196614 CJS196614 BZW196614 BQA196614 BGE196614 AWI196614 AMM196614 ACQ196614 SU196614 IY196614 I196614 WVK131078 WLO131078 WBS131078 VRW131078 VIA131078 UYE131078 UOI131078 UEM131078 TUQ131078 TKU131078 TAY131078 SRC131078 SHG131078 RXK131078 RNO131078 RDS131078 QTW131078 QKA131078 QAE131078 PQI131078 PGM131078 OWQ131078 OMU131078 OCY131078 NTC131078 NJG131078 MZK131078 MPO131078 MFS131078 LVW131078 LMA131078 LCE131078 KSI131078 KIM131078 JYQ131078 JOU131078 JEY131078 IVC131078 ILG131078 IBK131078 HRO131078 HHS131078 GXW131078 GOA131078 GEE131078 FUI131078 FKM131078 FAQ131078 EQU131078 EGY131078 DXC131078 DNG131078 DDK131078 CTO131078 CJS131078 BZW131078 BQA131078 BGE131078 AWI131078 AMM131078 ACQ131078 SU131078 IY131078 I131078 WVK65542 WLO65542 WBS65542 VRW65542 VIA65542 UYE65542 UOI65542 UEM65542 TUQ65542 TKU65542 TAY65542 SRC65542 SHG65542 RXK65542 RNO65542 RDS65542 QTW65542 QKA65542 QAE65542 PQI65542 PGM65542 OWQ65542 OMU65542 OCY65542 NTC65542 NJG65542 MZK65542 MPO65542 MFS65542 LVW65542 LMA65542 LCE65542 KSI65542 KIM65542 JYQ65542 JOU65542 JEY65542 IVC65542 ILG65542 IBK65542 HRO65542 HHS65542 GXW65542 GOA65542 GEE65542 FUI65542 FKM65542 FAQ65542 EQU65542 EGY65542 DXC65542 DNG65542 DDK65542 CTO65542 CJS65542 BZW65542 BQA65542 BGE65542 AWI65542 AMM65542 ACQ65542 SU65542 IY65542 I65542">
      <formula1>I65542&amp;""=ASC(I65542)</formula1>
    </dataValidation>
    <dataValidation type="custom" allowBlank="1" showInputMessage="1" showErrorMessage="1" errorTitle="入力内容に誤りがあります" error="全角で入力してください" sqref="WVK983047:WVS983047 WLO983047:WLW983047 WBS983047:WCA983047 VRW983047:VSE983047 VIA983047:VII983047 UYE983047:UYM983047 UOI983047:UOQ983047 UEM983047:UEU983047 TUQ983047:TUY983047 TKU983047:TLC983047 TAY983047:TBG983047 SRC983047:SRK983047 SHG983047:SHO983047 RXK983047:RXS983047 RNO983047:RNW983047 RDS983047:REA983047 QTW983047:QUE983047 QKA983047:QKI983047 QAE983047:QAM983047 PQI983047:PQQ983047 PGM983047:PGU983047 OWQ983047:OWY983047 OMU983047:ONC983047 OCY983047:ODG983047 NTC983047:NTK983047 NJG983047:NJO983047 MZK983047:MZS983047 MPO983047:MPW983047 MFS983047:MGA983047 LVW983047:LWE983047 LMA983047:LMI983047 LCE983047:LCM983047 KSI983047:KSQ983047 KIM983047:KIU983047 JYQ983047:JYY983047 JOU983047:JPC983047 JEY983047:JFG983047 IVC983047:IVK983047 ILG983047:ILO983047 IBK983047:IBS983047 HRO983047:HRW983047 HHS983047:HIA983047 GXW983047:GYE983047 GOA983047:GOI983047 GEE983047:GEM983047 FUI983047:FUQ983047 FKM983047:FKU983047 FAQ983047:FAY983047 EQU983047:ERC983047 EGY983047:EHG983047 DXC983047:DXK983047 DNG983047:DNO983047 DDK983047:DDS983047 CTO983047:CTW983047 CJS983047:CKA983047 BZW983047:CAE983047 BQA983047:BQI983047 BGE983047:BGM983047 AWI983047:AWQ983047 AMM983047:AMU983047 ACQ983047:ACY983047 SU983047:TC983047 IY983047:JG983047 I983047:Q983047 WVK917511:WVS917511 WLO917511:WLW917511 WBS917511:WCA917511 VRW917511:VSE917511 VIA917511:VII917511 UYE917511:UYM917511 UOI917511:UOQ917511 UEM917511:UEU917511 TUQ917511:TUY917511 TKU917511:TLC917511 TAY917511:TBG917511 SRC917511:SRK917511 SHG917511:SHO917511 RXK917511:RXS917511 RNO917511:RNW917511 RDS917511:REA917511 QTW917511:QUE917511 QKA917511:QKI917511 QAE917511:QAM917511 PQI917511:PQQ917511 PGM917511:PGU917511 OWQ917511:OWY917511 OMU917511:ONC917511 OCY917511:ODG917511 NTC917511:NTK917511 NJG917511:NJO917511 MZK917511:MZS917511 MPO917511:MPW917511 MFS917511:MGA917511 LVW917511:LWE917511 LMA917511:LMI917511 LCE917511:LCM917511 KSI917511:KSQ917511 KIM917511:KIU917511 JYQ917511:JYY917511 JOU917511:JPC917511 JEY917511:JFG917511 IVC917511:IVK917511 ILG917511:ILO917511 IBK917511:IBS917511 HRO917511:HRW917511 HHS917511:HIA917511 GXW917511:GYE917511 GOA917511:GOI917511 GEE917511:GEM917511 FUI917511:FUQ917511 FKM917511:FKU917511 FAQ917511:FAY917511 EQU917511:ERC917511 EGY917511:EHG917511 DXC917511:DXK917511 DNG917511:DNO917511 DDK917511:DDS917511 CTO917511:CTW917511 CJS917511:CKA917511 BZW917511:CAE917511 BQA917511:BQI917511 BGE917511:BGM917511 AWI917511:AWQ917511 AMM917511:AMU917511 ACQ917511:ACY917511 SU917511:TC917511 IY917511:JG917511 I917511:Q917511 WVK851975:WVS851975 WLO851975:WLW851975 WBS851975:WCA851975 VRW851975:VSE851975 VIA851975:VII851975 UYE851975:UYM851975 UOI851975:UOQ851975 UEM851975:UEU851975 TUQ851975:TUY851975 TKU851975:TLC851975 TAY851975:TBG851975 SRC851975:SRK851975 SHG851975:SHO851975 RXK851975:RXS851975 RNO851975:RNW851975 RDS851975:REA851975 QTW851975:QUE851975 QKA851975:QKI851975 QAE851975:QAM851975 PQI851975:PQQ851975 PGM851975:PGU851975 OWQ851975:OWY851975 OMU851975:ONC851975 OCY851975:ODG851975 NTC851975:NTK851975 NJG851975:NJO851975 MZK851975:MZS851975 MPO851975:MPW851975 MFS851975:MGA851975 LVW851975:LWE851975 LMA851975:LMI851975 LCE851975:LCM851975 KSI851975:KSQ851975 KIM851975:KIU851975 JYQ851975:JYY851975 JOU851975:JPC851975 JEY851975:JFG851975 IVC851975:IVK851975 ILG851975:ILO851975 IBK851975:IBS851975 HRO851975:HRW851975 HHS851975:HIA851975 GXW851975:GYE851975 GOA851975:GOI851975 GEE851975:GEM851975 FUI851975:FUQ851975 FKM851975:FKU851975 FAQ851975:FAY851975 EQU851975:ERC851975 EGY851975:EHG851975 DXC851975:DXK851975 DNG851975:DNO851975 DDK851975:DDS851975 CTO851975:CTW851975 CJS851975:CKA851975 BZW851975:CAE851975 BQA851975:BQI851975 BGE851975:BGM851975 AWI851975:AWQ851975 AMM851975:AMU851975 ACQ851975:ACY851975 SU851975:TC851975 IY851975:JG851975 I851975:Q851975 WVK786439:WVS786439 WLO786439:WLW786439 WBS786439:WCA786439 VRW786439:VSE786439 VIA786439:VII786439 UYE786439:UYM786439 UOI786439:UOQ786439 UEM786439:UEU786439 TUQ786439:TUY786439 TKU786439:TLC786439 TAY786439:TBG786439 SRC786439:SRK786439 SHG786439:SHO786439 RXK786439:RXS786439 RNO786439:RNW786439 RDS786439:REA786439 QTW786439:QUE786439 QKA786439:QKI786439 QAE786439:QAM786439 PQI786439:PQQ786439 PGM786439:PGU786439 OWQ786439:OWY786439 OMU786439:ONC786439 OCY786439:ODG786439 NTC786439:NTK786439 NJG786439:NJO786439 MZK786439:MZS786439 MPO786439:MPW786439 MFS786439:MGA786439 LVW786439:LWE786439 LMA786439:LMI786439 LCE786439:LCM786439 KSI786439:KSQ786439 KIM786439:KIU786439 JYQ786439:JYY786439 JOU786439:JPC786439 JEY786439:JFG786439 IVC786439:IVK786439 ILG786439:ILO786439 IBK786439:IBS786439 HRO786439:HRW786439 HHS786439:HIA786439 GXW786439:GYE786439 GOA786439:GOI786439 GEE786439:GEM786439 FUI786439:FUQ786439 FKM786439:FKU786439 FAQ786439:FAY786439 EQU786439:ERC786439 EGY786439:EHG786439 DXC786439:DXK786439 DNG786439:DNO786439 DDK786439:DDS786439 CTO786439:CTW786439 CJS786439:CKA786439 BZW786439:CAE786439 BQA786439:BQI786439 BGE786439:BGM786439 AWI786439:AWQ786439 AMM786439:AMU786439 ACQ786439:ACY786439 SU786439:TC786439 IY786439:JG786439 I786439:Q786439 WVK720903:WVS720903 WLO720903:WLW720903 WBS720903:WCA720903 VRW720903:VSE720903 VIA720903:VII720903 UYE720903:UYM720903 UOI720903:UOQ720903 UEM720903:UEU720903 TUQ720903:TUY720903 TKU720903:TLC720903 TAY720903:TBG720903 SRC720903:SRK720903 SHG720903:SHO720903 RXK720903:RXS720903 RNO720903:RNW720903 RDS720903:REA720903 QTW720903:QUE720903 QKA720903:QKI720903 QAE720903:QAM720903 PQI720903:PQQ720903 PGM720903:PGU720903 OWQ720903:OWY720903 OMU720903:ONC720903 OCY720903:ODG720903 NTC720903:NTK720903 NJG720903:NJO720903 MZK720903:MZS720903 MPO720903:MPW720903 MFS720903:MGA720903 LVW720903:LWE720903 LMA720903:LMI720903 LCE720903:LCM720903 KSI720903:KSQ720903 KIM720903:KIU720903 JYQ720903:JYY720903 JOU720903:JPC720903 JEY720903:JFG720903 IVC720903:IVK720903 ILG720903:ILO720903 IBK720903:IBS720903 HRO720903:HRW720903 HHS720903:HIA720903 GXW720903:GYE720903 GOA720903:GOI720903 GEE720903:GEM720903 FUI720903:FUQ720903 FKM720903:FKU720903 FAQ720903:FAY720903 EQU720903:ERC720903 EGY720903:EHG720903 DXC720903:DXK720903 DNG720903:DNO720903 DDK720903:DDS720903 CTO720903:CTW720903 CJS720903:CKA720903 BZW720903:CAE720903 BQA720903:BQI720903 BGE720903:BGM720903 AWI720903:AWQ720903 AMM720903:AMU720903 ACQ720903:ACY720903 SU720903:TC720903 IY720903:JG720903 I720903:Q720903 WVK655367:WVS655367 WLO655367:WLW655367 WBS655367:WCA655367 VRW655367:VSE655367 VIA655367:VII655367 UYE655367:UYM655367 UOI655367:UOQ655367 UEM655367:UEU655367 TUQ655367:TUY655367 TKU655367:TLC655367 TAY655367:TBG655367 SRC655367:SRK655367 SHG655367:SHO655367 RXK655367:RXS655367 RNO655367:RNW655367 RDS655367:REA655367 QTW655367:QUE655367 QKA655367:QKI655367 QAE655367:QAM655367 PQI655367:PQQ655367 PGM655367:PGU655367 OWQ655367:OWY655367 OMU655367:ONC655367 OCY655367:ODG655367 NTC655367:NTK655367 NJG655367:NJO655367 MZK655367:MZS655367 MPO655367:MPW655367 MFS655367:MGA655367 LVW655367:LWE655367 LMA655367:LMI655367 LCE655367:LCM655367 KSI655367:KSQ655367 KIM655367:KIU655367 JYQ655367:JYY655367 JOU655367:JPC655367 JEY655367:JFG655367 IVC655367:IVK655367 ILG655367:ILO655367 IBK655367:IBS655367 HRO655367:HRW655367 HHS655367:HIA655367 GXW655367:GYE655367 GOA655367:GOI655367 GEE655367:GEM655367 FUI655367:FUQ655367 FKM655367:FKU655367 FAQ655367:FAY655367 EQU655367:ERC655367 EGY655367:EHG655367 DXC655367:DXK655367 DNG655367:DNO655367 DDK655367:DDS655367 CTO655367:CTW655367 CJS655367:CKA655367 BZW655367:CAE655367 BQA655367:BQI655367 BGE655367:BGM655367 AWI655367:AWQ655367 AMM655367:AMU655367 ACQ655367:ACY655367 SU655367:TC655367 IY655367:JG655367 I655367:Q655367 WVK589831:WVS589831 WLO589831:WLW589831 WBS589831:WCA589831 VRW589831:VSE589831 VIA589831:VII589831 UYE589831:UYM589831 UOI589831:UOQ589831 UEM589831:UEU589831 TUQ589831:TUY589831 TKU589831:TLC589831 TAY589831:TBG589831 SRC589831:SRK589831 SHG589831:SHO589831 RXK589831:RXS589831 RNO589831:RNW589831 RDS589831:REA589831 QTW589831:QUE589831 QKA589831:QKI589831 QAE589831:QAM589831 PQI589831:PQQ589831 PGM589831:PGU589831 OWQ589831:OWY589831 OMU589831:ONC589831 OCY589831:ODG589831 NTC589831:NTK589831 NJG589831:NJO589831 MZK589831:MZS589831 MPO589831:MPW589831 MFS589831:MGA589831 LVW589831:LWE589831 LMA589831:LMI589831 LCE589831:LCM589831 KSI589831:KSQ589831 KIM589831:KIU589831 JYQ589831:JYY589831 JOU589831:JPC589831 JEY589831:JFG589831 IVC589831:IVK589831 ILG589831:ILO589831 IBK589831:IBS589831 HRO589831:HRW589831 HHS589831:HIA589831 GXW589831:GYE589831 GOA589831:GOI589831 GEE589831:GEM589831 FUI589831:FUQ589831 FKM589831:FKU589831 FAQ589831:FAY589831 EQU589831:ERC589831 EGY589831:EHG589831 DXC589831:DXK589831 DNG589831:DNO589831 DDK589831:DDS589831 CTO589831:CTW589831 CJS589831:CKA589831 BZW589831:CAE589831 BQA589831:BQI589831 BGE589831:BGM589831 AWI589831:AWQ589831 AMM589831:AMU589831 ACQ589831:ACY589831 SU589831:TC589831 IY589831:JG589831 I589831:Q589831 WVK524295:WVS524295 WLO524295:WLW524295 WBS524295:WCA524295 VRW524295:VSE524295 VIA524295:VII524295 UYE524295:UYM524295 UOI524295:UOQ524295 UEM524295:UEU524295 TUQ524295:TUY524295 TKU524295:TLC524295 TAY524295:TBG524295 SRC524295:SRK524295 SHG524295:SHO524295 RXK524295:RXS524295 RNO524295:RNW524295 RDS524295:REA524295 QTW524295:QUE524295 QKA524295:QKI524295 QAE524295:QAM524295 PQI524295:PQQ524295 PGM524295:PGU524295 OWQ524295:OWY524295 OMU524295:ONC524295 OCY524295:ODG524295 NTC524295:NTK524295 NJG524295:NJO524295 MZK524295:MZS524295 MPO524295:MPW524295 MFS524295:MGA524295 LVW524295:LWE524295 LMA524295:LMI524295 LCE524295:LCM524295 KSI524295:KSQ524295 KIM524295:KIU524295 JYQ524295:JYY524295 JOU524295:JPC524295 JEY524295:JFG524295 IVC524295:IVK524295 ILG524295:ILO524295 IBK524295:IBS524295 HRO524295:HRW524295 HHS524295:HIA524295 GXW524295:GYE524295 GOA524295:GOI524295 GEE524295:GEM524295 FUI524295:FUQ524295 FKM524295:FKU524295 FAQ524295:FAY524295 EQU524295:ERC524295 EGY524295:EHG524295 DXC524295:DXK524295 DNG524295:DNO524295 DDK524295:DDS524295 CTO524295:CTW524295 CJS524295:CKA524295 BZW524295:CAE524295 BQA524295:BQI524295 BGE524295:BGM524295 AWI524295:AWQ524295 AMM524295:AMU524295 ACQ524295:ACY524295 SU524295:TC524295 IY524295:JG524295 I524295:Q524295 WVK458759:WVS458759 WLO458759:WLW458759 WBS458759:WCA458759 VRW458759:VSE458759 VIA458759:VII458759 UYE458759:UYM458759 UOI458759:UOQ458759 UEM458759:UEU458759 TUQ458759:TUY458759 TKU458759:TLC458759 TAY458759:TBG458759 SRC458759:SRK458759 SHG458759:SHO458759 RXK458759:RXS458759 RNO458759:RNW458759 RDS458759:REA458759 QTW458759:QUE458759 QKA458759:QKI458759 QAE458759:QAM458759 PQI458759:PQQ458759 PGM458759:PGU458759 OWQ458759:OWY458759 OMU458759:ONC458759 OCY458759:ODG458759 NTC458759:NTK458759 NJG458759:NJO458759 MZK458759:MZS458759 MPO458759:MPW458759 MFS458759:MGA458759 LVW458759:LWE458759 LMA458759:LMI458759 LCE458759:LCM458759 KSI458759:KSQ458759 KIM458759:KIU458759 JYQ458759:JYY458759 JOU458759:JPC458759 JEY458759:JFG458759 IVC458759:IVK458759 ILG458759:ILO458759 IBK458759:IBS458759 HRO458759:HRW458759 HHS458759:HIA458759 GXW458759:GYE458759 GOA458759:GOI458759 GEE458759:GEM458759 FUI458759:FUQ458759 FKM458759:FKU458759 FAQ458759:FAY458759 EQU458759:ERC458759 EGY458759:EHG458759 DXC458759:DXK458759 DNG458759:DNO458759 DDK458759:DDS458759 CTO458759:CTW458759 CJS458759:CKA458759 BZW458759:CAE458759 BQA458759:BQI458759 BGE458759:BGM458759 AWI458759:AWQ458759 AMM458759:AMU458759 ACQ458759:ACY458759 SU458759:TC458759 IY458759:JG458759 I458759:Q458759 WVK393223:WVS393223 WLO393223:WLW393223 WBS393223:WCA393223 VRW393223:VSE393223 VIA393223:VII393223 UYE393223:UYM393223 UOI393223:UOQ393223 UEM393223:UEU393223 TUQ393223:TUY393223 TKU393223:TLC393223 TAY393223:TBG393223 SRC393223:SRK393223 SHG393223:SHO393223 RXK393223:RXS393223 RNO393223:RNW393223 RDS393223:REA393223 QTW393223:QUE393223 QKA393223:QKI393223 QAE393223:QAM393223 PQI393223:PQQ393223 PGM393223:PGU393223 OWQ393223:OWY393223 OMU393223:ONC393223 OCY393223:ODG393223 NTC393223:NTK393223 NJG393223:NJO393223 MZK393223:MZS393223 MPO393223:MPW393223 MFS393223:MGA393223 LVW393223:LWE393223 LMA393223:LMI393223 LCE393223:LCM393223 KSI393223:KSQ393223 KIM393223:KIU393223 JYQ393223:JYY393223 JOU393223:JPC393223 JEY393223:JFG393223 IVC393223:IVK393223 ILG393223:ILO393223 IBK393223:IBS393223 HRO393223:HRW393223 HHS393223:HIA393223 GXW393223:GYE393223 GOA393223:GOI393223 GEE393223:GEM393223 FUI393223:FUQ393223 FKM393223:FKU393223 FAQ393223:FAY393223 EQU393223:ERC393223 EGY393223:EHG393223 DXC393223:DXK393223 DNG393223:DNO393223 DDK393223:DDS393223 CTO393223:CTW393223 CJS393223:CKA393223 BZW393223:CAE393223 BQA393223:BQI393223 BGE393223:BGM393223 AWI393223:AWQ393223 AMM393223:AMU393223 ACQ393223:ACY393223 SU393223:TC393223 IY393223:JG393223 I393223:Q393223 WVK327687:WVS327687 WLO327687:WLW327687 WBS327687:WCA327687 VRW327687:VSE327687 VIA327687:VII327687 UYE327687:UYM327687 UOI327687:UOQ327687 UEM327687:UEU327687 TUQ327687:TUY327687 TKU327687:TLC327687 TAY327687:TBG327687 SRC327687:SRK327687 SHG327687:SHO327687 RXK327687:RXS327687 RNO327687:RNW327687 RDS327687:REA327687 QTW327687:QUE327687 QKA327687:QKI327687 QAE327687:QAM327687 PQI327687:PQQ327687 PGM327687:PGU327687 OWQ327687:OWY327687 OMU327687:ONC327687 OCY327687:ODG327687 NTC327687:NTK327687 NJG327687:NJO327687 MZK327687:MZS327687 MPO327687:MPW327687 MFS327687:MGA327687 LVW327687:LWE327687 LMA327687:LMI327687 LCE327687:LCM327687 KSI327687:KSQ327687 KIM327687:KIU327687 JYQ327687:JYY327687 JOU327687:JPC327687 JEY327687:JFG327687 IVC327687:IVK327687 ILG327687:ILO327687 IBK327687:IBS327687 HRO327687:HRW327687 HHS327687:HIA327687 GXW327687:GYE327687 GOA327687:GOI327687 GEE327687:GEM327687 FUI327687:FUQ327687 FKM327687:FKU327687 FAQ327687:FAY327687 EQU327687:ERC327687 EGY327687:EHG327687 DXC327687:DXK327687 DNG327687:DNO327687 DDK327687:DDS327687 CTO327687:CTW327687 CJS327687:CKA327687 BZW327687:CAE327687 BQA327687:BQI327687 BGE327687:BGM327687 AWI327687:AWQ327687 AMM327687:AMU327687 ACQ327687:ACY327687 SU327687:TC327687 IY327687:JG327687 I327687:Q327687 WVK262151:WVS262151 WLO262151:WLW262151 WBS262151:WCA262151 VRW262151:VSE262151 VIA262151:VII262151 UYE262151:UYM262151 UOI262151:UOQ262151 UEM262151:UEU262151 TUQ262151:TUY262151 TKU262151:TLC262151 TAY262151:TBG262151 SRC262151:SRK262151 SHG262151:SHO262151 RXK262151:RXS262151 RNO262151:RNW262151 RDS262151:REA262151 QTW262151:QUE262151 QKA262151:QKI262151 QAE262151:QAM262151 PQI262151:PQQ262151 PGM262151:PGU262151 OWQ262151:OWY262151 OMU262151:ONC262151 OCY262151:ODG262151 NTC262151:NTK262151 NJG262151:NJO262151 MZK262151:MZS262151 MPO262151:MPW262151 MFS262151:MGA262151 LVW262151:LWE262151 LMA262151:LMI262151 LCE262151:LCM262151 KSI262151:KSQ262151 KIM262151:KIU262151 JYQ262151:JYY262151 JOU262151:JPC262151 JEY262151:JFG262151 IVC262151:IVK262151 ILG262151:ILO262151 IBK262151:IBS262151 HRO262151:HRW262151 HHS262151:HIA262151 GXW262151:GYE262151 GOA262151:GOI262151 GEE262151:GEM262151 FUI262151:FUQ262151 FKM262151:FKU262151 FAQ262151:FAY262151 EQU262151:ERC262151 EGY262151:EHG262151 DXC262151:DXK262151 DNG262151:DNO262151 DDK262151:DDS262151 CTO262151:CTW262151 CJS262151:CKA262151 BZW262151:CAE262151 BQA262151:BQI262151 BGE262151:BGM262151 AWI262151:AWQ262151 AMM262151:AMU262151 ACQ262151:ACY262151 SU262151:TC262151 IY262151:JG262151 I262151:Q262151 WVK196615:WVS196615 WLO196615:WLW196615 WBS196615:WCA196615 VRW196615:VSE196615 VIA196615:VII196615 UYE196615:UYM196615 UOI196615:UOQ196615 UEM196615:UEU196615 TUQ196615:TUY196615 TKU196615:TLC196615 TAY196615:TBG196615 SRC196615:SRK196615 SHG196615:SHO196615 RXK196615:RXS196615 RNO196615:RNW196615 RDS196615:REA196615 QTW196615:QUE196615 QKA196615:QKI196615 QAE196615:QAM196615 PQI196615:PQQ196615 PGM196615:PGU196615 OWQ196615:OWY196615 OMU196615:ONC196615 OCY196615:ODG196615 NTC196615:NTK196615 NJG196615:NJO196615 MZK196615:MZS196615 MPO196615:MPW196615 MFS196615:MGA196615 LVW196615:LWE196615 LMA196615:LMI196615 LCE196615:LCM196615 KSI196615:KSQ196615 KIM196615:KIU196615 JYQ196615:JYY196615 JOU196615:JPC196615 JEY196615:JFG196615 IVC196615:IVK196615 ILG196615:ILO196615 IBK196615:IBS196615 HRO196615:HRW196615 HHS196615:HIA196615 GXW196615:GYE196615 GOA196615:GOI196615 GEE196615:GEM196615 FUI196615:FUQ196615 FKM196615:FKU196615 FAQ196615:FAY196615 EQU196615:ERC196615 EGY196615:EHG196615 DXC196615:DXK196615 DNG196615:DNO196615 DDK196615:DDS196615 CTO196615:CTW196615 CJS196615:CKA196615 BZW196615:CAE196615 BQA196615:BQI196615 BGE196615:BGM196615 AWI196615:AWQ196615 AMM196615:AMU196615 ACQ196615:ACY196615 SU196615:TC196615 IY196615:JG196615 I196615:Q196615 WVK131079:WVS131079 WLO131079:WLW131079 WBS131079:WCA131079 VRW131079:VSE131079 VIA131079:VII131079 UYE131079:UYM131079 UOI131079:UOQ131079 UEM131079:UEU131079 TUQ131079:TUY131079 TKU131079:TLC131079 TAY131079:TBG131079 SRC131079:SRK131079 SHG131079:SHO131079 RXK131079:RXS131079 RNO131079:RNW131079 RDS131079:REA131079 QTW131079:QUE131079 QKA131079:QKI131079 QAE131079:QAM131079 PQI131079:PQQ131079 PGM131079:PGU131079 OWQ131079:OWY131079 OMU131079:ONC131079 OCY131079:ODG131079 NTC131079:NTK131079 NJG131079:NJO131079 MZK131079:MZS131079 MPO131079:MPW131079 MFS131079:MGA131079 LVW131079:LWE131079 LMA131079:LMI131079 LCE131079:LCM131079 KSI131079:KSQ131079 KIM131079:KIU131079 JYQ131079:JYY131079 JOU131079:JPC131079 JEY131079:JFG131079 IVC131079:IVK131079 ILG131079:ILO131079 IBK131079:IBS131079 HRO131079:HRW131079 HHS131079:HIA131079 GXW131079:GYE131079 GOA131079:GOI131079 GEE131079:GEM131079 FUI131079:FUQ131079 FKM131079:FKU131079 FAQ131079:FAY131079 EQU131079:ERC131079 EGY131079:EHG131079 DXC131079:DXK131079 DNG131079:DNO131079 DDK131079:DDS131079 CTO131079:CTW131079 CJS131079:CKA131079 BZW131079:CAE131079 BQA131079:BQI131079 BGE131079:BGM131079 AWI131079:AWQ131079 AMM131079:AMU131079 ACQ131079:ACY131079 SU131079:TC131079 IY131079:JG131079 I131079:Q131079 WVK65543:WVS65543 WLO65543:WLW65543 WBS65543:WCA65543 VRW65543:VSE65543 VIA65543:VII65543 UYE65543:UYM65543 UOI65543:UOQ65543 UEM65543:UEU65543 TUQ65543:TUY65543 TKU65543:TLC65543 TAY65543:TBG65543 SRC65543:SRK65543 SHG65543:SHO65543 RXK65543:RXS65543 RNO65543:RNW65543 RDS65543:REA65543 QTW65543:QUE65543 QKA65543:QKI65543 QAE65543:QAM65543 PQI65543:PQQ65543 PGM65543:PGU65543 OWQ65543:OWY65543 OMU65543:ONC65543 OCY65543:ODG65543 NTC65543:NTK65543 NJG65543:NJO65543 MZK65543:MZS65543 MPO65543:MPW65543 MFS65543:MGA65543 LVW65543:LWE65543 LMA65543:LMI65543 LCE65543:LCM65543 KSI65543:KSQ65543 KIM65543:KIU65543 JYQ65543:JYY65543 JOU65543:JPC65543 JEY65543:JFG65543 IVC65543:IVK65543 ILG65543:ILO65543 IBK65543:IBS65543 HRO65543:HRW65543 HHS65543:HIA65543 GXW65543:GYE65543 GOA65543:GOI65543 GEE65543:GEM65543 FUI65543:FUQ65543 FKM65543:FKU65543 FAQ65543:FAY65543 EQU65543:ERC65543 EGY65543:EHG65543 DXC65543:DXK65543 DNG65543:DNO65543 DDK65543:DDS65543 CTO65543:CTW65543 CJS65543:CKA65543 BZW65543:CAE65543 BQA65543:BQI65543 BGE65543:BGM65543 AWI65543:AWQ65543 AMM65543:AMU65543 ACQ65543:ACY65543 SU65543:TC65543 IY65543:JG65543 I65543:Q65543 WVE983046 WLI983046 WBM983046 VRQ983046 VHU983046 UXY983046 UOC983046 UEG983046 TUK983046 TKO983046 TAS983046 SQW983046 SHA983046 RXE983046 RNI983046 RDM983046 QTQ983046 QJU983046 PZY983046 PQC983046 PGG983046 OWK983046 OMO983046 OCS983046 NSW983046 NJA983046 MZE983046 MPI983046 MFM983046 LVQ983046 LLU983046 LBY983046 KSC983046 KIG983046 JYK983046 JOO983046 JES983046 IUW983046 ILA983046 IBE983046 HRI983046 HHM983046 GXQ983046 GNU983046 GDY983046 FUC983046 FKG983046 FAK983046 EQO983046 EGS983046 DWW983046 DNA983046 DDE983046 CTI983046 CJM983046 BZQ983046 BPU983046 BFY983046 AWC983046 AMG983046 ACK983046 SO983046 IS983046 C983046 WVE917510 WLI917510 WBM917510 VRQ917510 VHU917510 UXY917510 UOC917510 UEG917510 TUK917510 TKO917510 TAS917510 SQW917510 SHA917510 RXE917510 RNI917510 RDM917510 QTQ917510 QJU917510 PZY917510 PQC917510 PGG917510 OWK917510 OMO917510 OCS917510 NSW917510 NJA917510 MZE917510 MPI917510 MFM917510 LVQ917510 LLU917510 LBY917510 KSC917510 KIG917510 JYK917510 JOO917510 JES917510 IUW917510 ILA917510 IBE917510 HRI917510 HHM917510 GXQ917510 GNU917510 GDY917510 FUC917510 FKG917510 FAK917510 EQO917510 EGS917510 DWW917510 DNA917510 DDE917510 CTI917510 CJM917510 BZQ917510 BPU917510 BFY917510 AWC917510 AMG917510 ACK917510 SO917510 IS917510 C917510 WVE851974 WLI851974 WBM851974 VRQ851974 VHU851974 UXY851974 UOC851974 UEG851974 TUK851974 TKO851974 TAS851974 SQW851974 SHA851974 RXE851974 RNI851974 RDM851974 QTQ851974 QJU851974 PZY851974 PQC851974 PGG851974 OWK851974 OMO851974 OCS851974 NSW851974 NJA851974 MZE851974 MPI851974 MFM851974 LVQ851974 LLU851974 LBY851974 KSC851974 KIG851974 JYK851974 JOO851974 JES851974 IUW851974 ILA851974 IBE851974 HRI851974 HHM851974 GXQ851974 GNU851974 GDY851974 FUC851974 FKG851974 FAK851974 EQO851974 EGS851974 DWW851974 DNA851974 DDE851974 CTI851974 CJM851974 BZQ851974 BPU851974 BFY851974 AWC851974 AMG851974 ACK851974 SO851974 IS851974 C851974 WVE786438 WLI786438 WBM786438 VRQ786438 VHU786438 UXY786438 UOC786438 UEG786438 TUK786438 TKO786438 TAS786438 SQW786438 SHA786438 RXE786438 RNI786438 RDM786438 QTQ786438 QJU786438 PZY786438 PQC786438 PGG786438 OWK786438 OMO786438 OCS786438 NSW786438 NJA786438 MZE786438 MPI786438 MFM786438 LVQ786438 LLU786438 LBY786438 KSC786438 KIG786438 JYK786438 JOO786438 JES786438 IUW786438 ILA786438 IBE786438 HRI786438 HHM786438 GXQ786438 GNU786438 GDY786438 FUC786438 FKG786438 FAK786438 EQO786438 EGS786438 DWW786438 DNA786438 DDE786438 CTI786438 CJM786438 BZQ786438 BPU786438 BFY786438 AWC786438 AMG786438 ACK786438 SO786438 IS786438 C786438 WVE720902 WLI720902 WBM720902 VRQ720902 VHU720902 UXY720902 UOC720902 UEG720902 TUK720902 TKO720902 TAS720902 SQW720902 SHA720902 RXE720902 RNI720902 RDM720902 QTQ720902 QJU720902 PZY720902 PQC720902 PGG720902 OWK720902 OMO720902 OCS720902 NSW720902 NJA720902 MZE720902 MPI720902 MFM720902 LVQ720902 LLU720902 LBY720902 KSC720902 KIG720902 JYK720902 JOO720902 JES720902 IUW720902 ILA720902 IBE720902 HRI720902 HHM720902 GXQ720902 GNU720902 GDY720902 FUC720902 FKG720902 FAK720902 EQO720902 EGS720902 DWW720902 DNA720902 DDE720902 CTI720902 CJM720902 BZQ720902 BPU720902 BFY720902 AWC720902 AMG720902 ACK720902 SO720902 IS720902 C720902 WVE655366 WLI655366 WBM655366 VRQ655366 VHU655366 UXY655366 UOC655366 UEG655366 TUK655366 TKO655366 TAS655366 SQW655366 SHA655366 RXE655366 RNI655366 RDM655366 QTQ655366 QJU655366 PZY655366 PQC655366 PGG655366 OWK655366 OMO655366 OCS655366 NSW655366 NJA655366 MZE655366 MPI655366 MFM655366 LVQ655366 LLU655366 LBY655366 KSC655366 KIG655366 JYK655366 JOO655366 JES655366 IUW655366 ILA655366 IBE655366 HRI655366 HHM655366 GXQ655366 GNU655366 GDY655366 FUC655366 FKG655366 FAK655366 EQO655366 EGS655366 DWW655366 DNA655366 DDE655366 CTI655366 CJM655366 BZQ655366 BPU655366 BFY655366 AWC655366 AMG655366 ACK655366 SO655366 IS655366 C655366 WVE589830 WLI589830 WBM589830 VRQ589830 VHU589830 UXY589830 UOC589830 UEG589830 TUK589830 TKO589830 TAS589830 SQW589830 SHA589830 RXE589830 RNI589830 RDM589830 QTQ589830 QJU589830 PZY589830 PQC589830 PGG589830 OWK589830 OMO589830 OCS589830 NSW589830 NJA589830 MZE589830 MPI589830 MFM589830 LVQ589830 LLU589830 LBY589830 KSC589830 KIG589830 JYK589830 JOO589830 JES589830 IUW589830 ILA589830 IBE589830 HRI589830 HHM589830 GXQ589830 GNU589830 GDY589830 FUC589830 FKG589830 FAK589830 EQO589830 EGS589830 DWW589830 DNA589830 DDE589830 CTI589830 CJM589830 BZQ589830 BPU589830 BFY589830 AWC589830 AMG589830 ACK589830 SO589830 IS589830 C589830 WVE524294 WLI524294 WBM524294 VRQ524294 VHU524294 UXY524294 UOC524294 UEG524294 TUK524294 TKO524294 TAS524294 SQW524294 SHA524294 RXE524294 RNI524294 RDM524294 QTQ524294 QJU524294 PZY524294 PQC524294 PGG524294 OWK524294 OMO524294 OCS524294 NSW524294 NJA524294 MZE524294 MPI524294 MFM524294 LVQ524294 LLU524294 LBY524294 KSC524294 KIG524294 JYK524294 JOO524294 JES524294 IUW524294 ILA524294 IBE524294 HRI524294 HHM524294 GXQ524294 GNU524294 GDY524294 FUC524294 FKG524294 FAK524294 EQO524294 EGS524294 DWW524294 DNA524294 DDE524294 CTI524294 CJM524294 BZQ524294 BPU524294 BFY524294 AWC524294 AMG524294 ACK524294 SO524294 IS524294 C524294 WVE458758 WLI458758 WBM458758 VRQ458758 VHU458758 UXY458758 UOC458758 UEG458758 TUK458758 TKO458758 TAS458758 SQW458758 SHA458758 RXE458758 RNI458758 RDM458758 QTQ458758 QJU458758 PZY458758 PQC458758 PGG458758 OWK458758 OMO458758 OCS458758 NSW458758 NJA458758 MZE458758 MPI458758 MFM458758 LVQ458758 LLU458758 LBY458758 KSC458758 KIG458758 JYK458758 JOO458758 JES458758 IUW458758 ILA458758 IBE458758 HRI458758 HHM458758 GXQ458758 GNU458758 GDY458758 FUC458758 FKG458758 FAK458758 EQO458758 EGS458758 DWW458758 DNA458758 DDE458758 CTI458758 CJM458758 BZQ458758 BPU458758 BFY458758 AWC458758 AMG458758 ACK458758 SO458758 IS458758 C458758 WVE393222 WLI393222 WBM393222 VRQ393222 VHU393222 UXY393222 UOC393222 UEG393222 TUK393222 TKO393222 TAS393222 SQW393222 SHA393222 RXE393222 RNI393222 RDM393222 QTQ393222 QJU393222 PZY393222 PQC393222 PGG393222 OWK393222 OMO393222 OCS393222 NSW393222 NJA393222 MZE393222 MPI393222 MFM393222 LVQ393222 LLU393222 LBY393222 KSC393222 KIG393222 JYK393222 JOO393222 JES393222 IUW393222 ILA393222 IBE393222 HRI393222 HHM393222 GXQ393222 GNU393222 GDY393222 FUC393222 FKG393222 FAK393222 EQO393222 EGS393222 DWW393222 DNA393222 DDE393222 CTI393222 CJM393222 BZQ393222 BPU393222 BFY393222 AWC393222 AMG393222 ACK393222 SO393222 IS393222 C393222 WVE327686 WLI327686 WBM327686 VRQ327686 VHU327686 UXY327686 UOC327686 UEG327686 TUK327686 TKO327686 TAS327686 SQW327686 SHA327686 RXE327686 RNI327686 RDM327686 QTQ327686 QJU327686 PZY327686 PQC327686 PGG327686 OWK327686 OMO327686 OCS327686 NSW327686 NJA327686 MZE327686 MPI327686 MFM327686 LVQ327686 LLU327686 LBY327686 KSC327686 KIG327686 JYK327686 JOO327686 JES327686 IUW327686 ILA327686 IBE327686 HRI327686 HHM327686 GXQ327686 GNU327686 GDY327686 FUC327686 FKG327686 FAK327686 EQO327686 EGS327686 DWW327686 DNA327686 DDE327686 CTI327686 CJM327686 BZQ327686 BPU327686 BFY327686 AWC327686 AMG327686 ACK327686 SO327686 IS327686 C327686 WVE262150 WLI262150 WBM262150 VRQ262150 VHU262150 UXY262150 UOC262150 UEG262150 TUK262150 TKO262150 TAS262150 SQW262150 SHA262150 RXE262150 RNI262150 RDM262150 QTQ262150 QJU262150 PZY262150 PQC262150 PGG262150 OWK262150 OMO262150 OCS262150 NSW262150 NJA262150 MZE262150 MPI262150 MFM262150 LVQ262150 LLU262150 LBY262150 KSC262150 KIG262150 JYK262150 JOO262150 JES262150 IUW262150 ILA262150 IBE262150 HRI262150 HHM262150 GXQ262150 GNU262150 GDY262150 FUC262150 FKG262150 FAK262150 EQO262150 EGS262150 DWW262150 DNA262150 DDE262150 CTI262150 CJM262150 BZQ262150 BPU262150 BFY262150 AWC262150 AMG262150 ACK262150 SO262150 IS262150 C262150 WVE196614 WLI196614 WBM196614 VRQ196614 VHU196614 UXY196614 UOC196614 UEG196614 TUK196614 TKO196614 TAS196614 SQW196614 SHA196614 RXE196614 RNI196614 RDM196614 QTQ196614 QJU196614 PZY196614 PQC196614 PGG196614 OWK196614 OMO196614 OCS196614 NSW196614 NJA196614 MZE196614 MPI196614 MFM196614 LVQ196614 LLU196614 LBY196614 KSC196614 KIG196614 JYK196614 JOO196614 JES196614 IUW196614 ILA196614 IBE196614 HRI196614 HHM196614 GXQ196614 GNU196614 GDY196614 FUC196614 FKG196614 FAK196614 EQO196614 EGS196614 DWW196614 DNA196614 DDE196614 CTI196614 CJM196614 BZQ196614 BPU196614 BFY196614 AWC196614 AMG196614 ACK196614 SO196614 IS196614 C196614 WVE131078 WLI131078 WBM131078 VRQ131078 VHU131078 UXY131078 UOC131078 UEG131078 TUK131078 TKO131078 TAS131078 SQW131078 SHA131078 RXE131078 RNI131078 RDM131078 QTQ131078 QJU131078 PZY131078 PQC131078 PGG131078 OWK131078 OMO131078 OCS131078 NSW131078 NJA131078 MZE131078 MPI131078 MFM131078 LVQ131078 LLU131078 LBY131078 KSC131078 KIG131078 JYK131078 JOO131078 JES131078 IUW131078 ILA131078 IBE131078 HRI131078 HHM131078 GXQ131078 GNU131078 GDY131078 FUC131078 FKG131078 FAK131078 EQO131078 EGS131078 DWW131078 DNA131078 DDE131078 CTI131078 CJM131078 BZQ131078 BPU131078 BFY131078 AWC131078 AMG131078 ACK131078 SO131078 IS131078 C131078 WVE65542 WLI65542 WBM65542 VRQ65542 VHU65542 UXY65542 UOC65542 UEG65542 TUK65542 TKO65542 TAS65542 SQW65542 SHA65542 RXE65542 RNI65542 RDM65542 QTQ65542 QJU65542 PZY65542 PQC65542 PGG65542 OWK65542 OMO65542 OCS65542 NSW65542 NJA65542 MZE65542 MPI65542 MFM65542 LVQ65542 LLU65542 LBY65542 KSC65542 KIG65542 JYK65542 JOO65542 JES65542 IUW65542 ILA65542 IBE65542 HRI65542 HHM65542 GXQ65542 GNU65542 GDY65542 FUC65542 FKG65542 FAK65542 EQO65542 EGS65542 DWW65542 DNA65542 DDE65542 CTI65542 CJM65542 BZQ65542 BPU65542 BFY65542 AWC65542 AMG65542 ACK65542 SO65542 IS65542 C65542">
      <formula1>C65542=DBCS(C65542)</formula1>
    </dataValidation>
    <dataValidation type="custom" allowBlank="1" showInputMessage="1" showErrorMessage="1" errorTitle="全角英数字" error="全角英数字で入力してください" sqref="WVF983028:WVQ983030 WLJ983028:WLU983030 WBN983028:WBY983030 VRR983028:VSC983030 VHV983028:VIG983030 UXZ983028:UYK983030 UOD983028:UOO983030 UEH983028:UES983030 TUL983028:TUW983030 TKP983028:TLA983030 TAT983028:TBE983030 SQX983028:SRI983030 SHB983028:SHM983030 RXF983028:RXQ983030 RNJ983028:RNU983030 RDN983028:RDY983030 QTR983028:QUC983030 QJV983028:QKG983030 PZZ983028:QAK983030 PQD983028:PQO983030 PGH983028:PGS983030 OWL983028:OWW983030 OMP983028:ONA983030 OCT983028:ODE983030 NSX983028:NTI983030 NJB983028:NJM983030 MZF983028:MZQ983030 MPJ983028:MPU983030 MFN983028:MFY983030 LVR983028:LWC983030 LLV983028:LMG983030 LBZ983028:LCK983030 KSD983028:KSO983030 KIH983028:KIS983030 JYL983028:JYW983030 JOP983028:JPA983030 JET983028:JFE983030 IUX983028:IVI983030 ILB983028:ILM983030 IBF983028:IBQ983030 HRJ983028:HRU983030 HHN983028:HHY983030 GXR983028:GYC983030 GNV983028:GOG983030 GDZ983028:GEK983030 FUD983028:FUO983030 FKH983028:FKS983030 FAL983028:FAW983030 EQP983028:ERA983030 EGT983028:EHE983030 DWX983028:DXI983030 DNB983028:DNM983030 DDF983028:DDQ983030 CTJ983028:CTU983030 CJN983028:CJY983030 BZR983028:CAC983030 BPV983028:BQG983030 BFZ983028:BGK983030 AWD983028:AWO983030 AMH983028:AMS983030 ACL983028:ACW983030 SP983028:TA983030 IT983028:JE983030 D983028:O983030 WVF917492:WVQ917494 WLJ917492:WLU917494 WBN917492:WBY917494 VRR917492:VSC917494 VHV917492:VIG917494 UXZ917492:UYK917494 UOD917492:UOO917494 UEH917492:UES917494 TUL917492:TUW917494 TKP917492:TLA917494 TAT917492:TBE917494 SQX917492:SRI917494 SHB917492:SHM917494 RXF917492:RXQ917494 RNJ917492:RNU917494 RDN917492:RDY917494 QTR917492:QUC917494 QJV917492:QKG917494 PZZ917492:QAK917494 PQD917492:PQO917494 PGH917492:PGS917494 OWL917492:OWW917494 OMP917492:ONA917494 OCT917492:ODE917494 NSX917492:NTI917494 NJB917492:NJM917494 MZF917492:MZQ917494 MPJ917492:MPU917494 MFN917492:MFY917494 LVR917492:LWC917494 LLV917492:LMG917494 LBZ917492:LCK917494 KSD917492:KSO917494 KIH917492:KIS917494 JYL917492:JYW917494 JOP917492:JPA917494 JET917492:JFE917494 IUX917492:IVI917494 ILB917492:ILM917494 IBF917492:IBQ917494 HRJ917492:HRU917494 HHN917492:HHY917494 GXR917492:GYC917494 GNV917492:GOG917494 GDZ917492:GEK917494 FUD917492:FUO917494 FKH917492:FKS917494 FAL917492:FAW917494 EQP917492:ERA917494 EGT917492:EHE917494 DWX917492:DXI917494 DNB917492:DNM917494 DDF917492:DDQ917494 CTJ917492:CTU917494 CJN917492:CJY917494 BZR917492:CAC917494 BPV917492:BQG917494 BFZ917492:BGK917494 AWD917492:AWO917494 AMH917492:AMS917494 ACL917492:ACW917494 SP917492:TA917494 IT917492:JE917494 D917492:O917494 WVF851956:WVQ851958 WLJ851956:WLU851958 WBN851956:WBY851958 VRR851956:VSC851958 VHV851956:VIG851958 UXZ851956:UYK851958 UOD851956:UOO851958 UEH851956:UES851958 TUL851956:TUW851958 TKP851956:TLA851958 TAT851956:TBE851958 SQX851956:SRI851958 SHB851956:SHM851958 RXF851956:RXQ851958 RNJ851956:RNU851958 RDN851956:RDY851958 QTR851956:QUC851958 QJV851956:QKG851958 PZZ851956:QAK851958 PQD851956:PQO851958 PGH851956:PGS851958 OWL851956:OWW851958 OMP851956:ONA851958 OCT851956:ODE851958 NSX851956:NTI851958 NJB851956:NJM851958 MZF851956:MZQ851958 MPJ851956:MPU851958 MFN851956:MFY851958 LVR851956:LWC851958 LLV851956:LMG851958 LBZ851956:LCK851958 KSD851956:KSO851958 KIH851956:KIS851958 JYL851956:JYW851958 JOP851956:JPA851958 JET851956:JFE851958 IUX851956:IVI851958 ILB851956:ILM851958 IBF851956:IBQ851958 HRJ851956:HRU851958 HHN851956:HHY851958 GXR851956:GYC851958 GNV851956:GOG851958 GDZ851956:GEK851958 FUD851956:FUO851958 FKH851956:FKS851958 FAL851956:FAW851958 EQP851956:ERA851958 EGT851956:EHE851958 DWX851956:DXI851958 DNB851956:DNM851958 DDF851956:DDQ851958 CTJ851956:CTU851958 CJN851956:CJY851958 BZR851956:CAC851958 BPV851956:BQG851958 BFZ851956:BGK851958 AWD851956:AWO851958 AMH851956:AMS851958 ACL851956:ACW851958 SP851956:TA851958 IT851956:JE851958 D851956:O851958 WVF786420:WVQ786422 WLJ786420:WLU786422 WBN786420:WBY786422 VRR786420:VSC786422 VHV786420:VIG786422 UXZ786420:UYK786422 UOD786420:UOO786422 UEH786420:UES786422 TUL786420:TUW786422 TKP786420:TLA786422 TAT786420:TBE786422 SQX786420:SRI786422 SHB786420:SHM786422 RXF786420:RXQ786422 RNJ786420:RNU786422 RDN786420:RDY786422 QTR786420:QUC786422 QJV786420:QKG786422 PZZ786420:QAK786422 PQD786420:PQO786422 PGH786420:PGS786422 OWL786420:OWW786422 OMP786420:ONA786422 OCT786420:ODE786422 NSX786420:NTI786422 NJB786420:NJM786422 MZF786420:MZQ786422 MPJ786420:MPU786422 MFN786420:MFY786422 LVR786420:LWC786422 LLV786420:LMG786422 LBZ786420:LCK786422 KSD786420:KSO786422 KIH786420:KIS786422 JYL786420:JYW786422 JOP786420:JPA786422 JET786420:JFE786422 IUX786420:IVI786422 ILB786420:ILM786422 IBF786420:IBQ786422 HRJ786420:HRU786422 HHN786420:HHY786422 GXR786420:GYC786422 GNV786420:GOG786422 GDZ786420:GEK786422 FUD786420:FUO786422 FKH786420:FKS786422 FAL786420:FAW786422 EQP786420:ERA786422 EGT786420:EHE786422 DWX786420:DXI786422 DNB786420:DNM786422 DDF786420:DDQ786422 CTJ786420:CTU786422 CJN786420:CJY786422 BZR786420:CAC786422 BPV786420:BQG786422 BFZ786420:BGK786422 AWD786420:AWO786422 AMH786420:AMS786422 ACL786420:ACW786422 SP786420:TA786422 IT786420:JE786422 D786420:O786422 WVF720884:WVQ720886 WLJ720884:WLU720886 WBN720884:WBY720886 VRR720884:VSC720886 VHV720884:VIG720886 UXZ720884:UYK720886 UOD720884:UOO720886 UEH720884:UES720886 TUL720884:TUW720886 TKP720884:TLA720886 TAT720884:TBE720886 SQX720884:SRI720886 SHB720884:SHM720886 RXF720884:RXQ720886 RNJ720884:RNU720886 RDN720884:RDY720886 QTR720884:QUC720886 QJV720884:QKG720886 PZZ720884:QAK720886 PQD720884:PQO720886 PGH720884:PGS720886 OWL720884:OWW720886 OMP720884:ONA720886 OCT720884:ODE720886 NSX720884:NTI720886 NJB720884:NJM720886 MZF720884:MZQ720886 MPJ720884:MPU720886 MFN720884:MFY720886 LVR720884:LWC720886 LLV720884:LMG720886 LBZ720884:LCK720886 KSD720884:KSO720886 KIH720884:KIS720886 JYL720884:JYW720886 JOP720884:JPA720886 JET720884:JFE720886 IUX720884:IVI720886 ILB720884:ILM720886 IBF720884:IBQ720886 HRJ720884:HRU720886 HHN720884:HHY720886 GXR720884:GYC720886 GNV720884:GOG720886 GDZ720884:GEK720886 FUD720884:FUO720886 FKH720884:FKS720886 FAL720884:FAW720886 EQP720884:ERA720886 EGT720884:EHE720886 DWX720884:DXI720886 DNB720884:DNM720886 DDF720884:DDQ720886 CTJ720884:CTU720886 CJN720884:CJY720886 BZR720884:CAC720886 BPV720884:BQG720886 BFZ720884:BGK720886 AWD720884:AWO720886 AMH720884:AMS720886 ACL720884:ACW720886 SP720884:TA720886 IT720884:JE720886 D720884:O720886 WVF655348:WVQ655350 WLJ655348:WLU655350 WBN655348:WBY655350 VRR655348:VSC655350 VHV655348:VIG655350 UXZ655348:UYK655350 UOD655348:UOO655350 UEH655348:UES655350 TUL655348:TUW655350 TKP655348:TLA655350 TAT655348:TBE655350 SQX655348:SRI655350 SHB655348:SHM655350 RXF655348:RXQ655350 RNJ655348:RNU655350 RDN655348:RDY655350 QTR655348:QUC655350 QJV655348:QKG655350 PZZ655348:QAK655350 PQD655348:PQO655350 PGH655348:PGS655350 OWL655348:OWW655350 OMP655348:ONA655350 OCT655348:ODE655350 NSX655348:NTI655350 NJB655348:NJM655350 MZF655348:MZQ655350 MPJ655348:MPU655350 MFN655348:MFY655350 LVR655348:LWC655350 LLV655348:LMG655350 LBZ655348:LCK655350 KSD655348:KSO655350 KIH655348:KIS655350 JYL655348:JYW655350 JOP655348:JPA655350 JET655348:JFE655350 IUX655348:IVI655350 ILB655348:ILM655350 IBF655348:IBQ655350 HRJ655348:HRU655350 HHN655348:HHY655350 GXR655348:GYC655350 GNV655348:GOG655350 GDZ655348:GEK655350 FUD655348:FUO655350 FKH655348:FKS655350 FAL655348:FAW655350 EQP655348:ERA655350 EGT655348:EHE655350 DWX655348:DXI655350 DNB655348:DNM655350 DDF655348:DDQ655350 CTJ655348:CTU655350 CJN655348:CJY655350 BZR655348:CAC655350 BPV655348:BQG655350 BFZ655348:BGK655350 AWD655348:AWO655350 AMH655348:AMS655350 ACL655348:ACW655350 SP655348:TA655350 IT655348:JE655350 D655348:O655350 WVF589812:WVQ589814 WLJ589812:WLU589814 WBN589812:WBY589814 VRR589812:VSC589814 VHV589812:VIG589814 UXZ589812:UYK589814 UOD589812:UOO589814 UEH589812:UES589814 TUL589812:TUW589814 TKP589812:TLA589814 TAT589812:TBE589814 SQX589812:SRI589814 SHB589812:SHM589814 RXF589812:RXQ589814 RNJ589812:RNU589814 RDN589812:RDY589814 QTR589812:QUC589814 QJV589812:QKG589814 PZZ589812:QAK589814 PQD589812:PQO589814 PGH589812:PGS589814 OWL589812:OWW589814 OMP589812:ONA589814 OCT589812:ODE589814 NSX589812:NTI589814 NJB589812:NJM589814 MZF589812:MZQ589814 MPJ589812:MPU589814 MFN589812:MFY589814 LVR589812:LWC589814 LLV589812:LMG589814 LBZ589812:LCK589814 KSD589812:KSO589814 KIH589812:KIS589814 JYL589812:JYW589814 JOP589812:JPA589814 JET589812:JFE589814 IUX589812:IVI589814 ILB589812:ILM589814 IBF589812:IBQ589814 HRJ589812:HRU589814 HHN589812:HHY589814 GXR589812:GYC589814 GNV589812:GOG589814 GDZ589812:GEK589814 FUD589812:FUO589814 FKH589812:FKS589814 FAL589812:FAW589814 EQP589812:ERA589814 EGT589812:EHE589814 DWX589812:DXI589814 DNB589812:DNM589814 DDF589812:DDQ589814 CTJ589812:CTU589814 CJN589812:CJY589814 BZR589812:CAC589814 BPV589812:BQG589814 BFZ589812:BGK589814 AWD589812:AWO589814 AMH589812:AMS589814 ACL589812:ACW589814 SP589812:TA589814 IT589812:JE589814 D589812:O589814 WVF524276:WVQ524278 WLJ524276:WLU524278 WBN524276:WBY524278 VRR524276:VSC524278 VHV524276:VIG524278 UXZ524276:UYK524278 UOD524276:UOO524278 UEH524276:UES524278 TUL524276:TUW524278 TKP524276:TLA524278 TAT524276:TBE524278 SQX524276:SRI524278 SHB524276:SHM524278 RXF524276:RXQ524278 RNJ524276:RNU524278 RDN524276:RDY524278 QTR524276:QUC524278 QJV524276:QKG524278 PZZ524276:QAK524278 PQD524276:PQO524278 PGH524276:PGS524278 OWL524276:OWW524278 OMP524276:ONA524278 OCT524276:ODE524278 NSX524276:NTI524278 NJB524276:NJM524278 MZF524276:MZQ524278 MPJ524276:MPU524278 MFN524276:MFY524278 LVR524276:LWC524278 LLV524276:LMG524278 LBZ524276:LCK524278 KSD524276:KSO524278 KIH524276:KIS524278 JYL524276:JYW524278 JOP524276:JPA524278 JET524276:JFE524278 IUX524276:IVI524278 ILB524276:ILM524278 IBF524276:IBQ524278 HRJ524276:HRU524278 HHN524276:HHY524278 GXR524276:GYC524278 GNV524276:GOG524278 GDZ524276:GEK524278 FUD524276:FUO524278 FKH524276:FKS524278 FAL524276:FAW524278 EQP524276:ERA524278 EGT524276:EHE524278 DWX524276:DXI524278 DNB524276:DNM524278 DDF524276:DDQ524278 CTJ524276:CTU524278 CJN524276:CJY524278 BZR524276:CAC524278 BPV524276:BQG524278 BFZ524276:BGK524278 AWD524276:AWO524278 AMH524276:AMS524278 ACL524276:ACW524278 SP524276:TA524278 IT524276:JE524278 D524276:O524278 WVF458740:WVQ458742 WLJ458740:WLU458742 WBN458740:WBY458742 VRR458740:VSC458742 VHV458740:VIG458742 UXZ458740:UYK458742 UOD458740:UOO458742 UEH458740:UES458742 TUL458740:TUW458742 TKP458740:TLA458742 TAT458740:TBE458742 SQX458740:SRI458742 SHB458740:SHM458742 RXF458740:RXQ458742 RNJ458740:RNU458742 RDN458740:RDY458742 QTR458740:QUC458742 QJV458740:QKG458742 PZZ458740:QAK458742 PQD458740:PQO458742 PGH458740:PGS458742 OWL458740:OWW458742 OMP458740:ONA458742 OCT458740:ODE458742 NSX458740:NTI458742 NJB458740:NJM458742 MZF458740:MZQ458742 MPJ458740:MPU458742 MFN458740:MFY458742 LVR458740:LWC458742 LLV458740:LMG458742 LBZ458740:LCK458742 KSD458740:KSO458742 KIH458740:KIS458742 JYL458740:JYW458742 JOP458740:JPA458742 JET458740:JFE458742 IUX458740:IVI458742 ILB458740:ILM458742 IBF458740:IBQ458742 HRJ458740:HRU458742 HHN458740:HHY458742 GXR458740:GYC458742 GNV458740:GOG458742 GDZ458740:GEK458742 FUD458740:FUO458742 FKH458740:FKS458742 FAL458740:FAW458742 EQP458740:ERA458742 EGT458740:EHE458742 DWX458740:DXI458742 DNB458740:DNM458742 DDF458740:DDQ458742 CTJ458740:CTU458742 CJN458740:CJY458742 BZR458740:CAC458742 BPV458740:BQG458742 BFZ458740:BGK458742 AWD458740:AWO458742 AMH458740:AMS458742 ACL458740:ACW458742 SP458740:TA458742 IT458740:JE458742 D458740:O458742 WVF393204:WVQ393206 WLJ393204:WLU393206 WBN393204:WBY393206 VRR393204:VSC393206 VHV393204:VIG393206 UXZ393204:UYK393206 UOD393204:UOO393206 UEH393204:UES393206 TUL393204:TUW393206 TKP393204:TLA393206 TAT393204:TBE393206 SQX393204:SRI393206 SHB393204:SHM393206 RXF393204:RXQ393206 RNJ393204:RNU393206 RDN393204:RDY393206 QTR393204:QUC393206 QJV393204:QKG393206 PZZ393204:QAK393206 PQD393204:PQO393206 PGH393204:PGS393206 OWL393204:OWW393206 OMP393204:ONA393206 OCT393204:ODE393206 NSX393204:NTI393206 NJB393204:NJM393206 MZF393204:MZQ393206 MPJ393204:MPU393206 MFN393204:MFY393206 LVR393204:LWC393206 LLV393204:LMG393206 LBZ393204:LCK393206 KSD393204:KSO393206 KIH393204:KIS393206 JYL393204:JYW393206 JOP393204:JPA393206 JET393204:JFE393206 IUX393204:IVI393206 ILB393204:ILM393206 IBF393204:IBQ393206 HRJ393204:HRU393206 HHN393204:HHY393206 GXR393204:GYC393206 GNV393204:GOG393206 GDZ393204:GEK393206 FUD393204:FUO393206 FKH393204:FKS393206 FAL393204:FAW393206 EQP393204:ERA393206 EGT393204:EHE393206 DWX393204:DXI393206 DNB393204:DNM393206 DDF393204:DDQ393206 CTJ393204:CTU393206 CJN393204:CJY393206 BZR393204:CAC393206 BPV393204:BQG393206 BFZ393204:BGK393206 AWD393204:AWO393206 AMH393204:AMS393206 ACL393204:ACW393206 SP393204:TA393206 IT393204:JE393206 D393204:O393206 WVF327668:WVQ327670 WLJ327668:WLU327670 WBN327668:WBY327670 VRR327668:VSC327670 VHV327668:VIG327670 UXZ327668:UYK327670 UOD327668:UOO327670 UEH327668:UES327670 TUL327668:TUW327670 TKP327668:TLA327670 TAT327668:TBE327670 SQX327668:SRI327670 SHB327668:SHM327670 RXF327668:RXQ327670 RNJ327668:RNU327670 RDN327668:RDY327670 QTR327668:QUC327670 QJV327668:QKG327670 PZZ327668:QAK327670 PQD327668:PQO327670 PGH327668:PGS327670 OWL327668:OWW327670 OMP327668:ONA327670 OCT327668:ODE327670 NSX327668:NTI327670 NJB327668:NJM327670 MZF327668:MZQ327670 MPJ327668:MPU327670 MFN327668:MFY327670 LVR327668:LWC327670 LLV327668:LMG327670 LBZ327668:LCK327670 KSD327668:KSO327670 KIH327668:KIS327670 JYL327668:JYW327670 JOP327668:JPA327670 JET327668:JFE327670 IUX327668:IVI327670 ILB327668:ILM327670 IBF327668:IBQ327670 HRJ327668:HRU327670 HHN327668:HHY327670 GXR327668:GYC327670 GNV327668:GOG327670 GDZ327668:GEK327670 FUD327668:FUO327670 FKH327668:FKS327670 FAL327668:FAW327670 EQP327668:ERA327670 EGT327668:EHE327670 DWX327668:DXI327670 DNB327668:DNM327670 DDF327668:DDQ327670 CTJ327668:CTU327670 CJN327668:CJY327670 BZR327668:CAC327670 BPV327668:BQG327670 BFZ327668:BGK327670 AWD327668:AWO327670 AMH327668:AMS327670 ACL327668:ACW327670 SP327668:TA327670 IT327668:JE327670 D327668:O327670 WVF262132:WVQ262134 WLJ262132:WLU262134 WBN262132:WBY262134 VRR262132:VSC262134 VHV262132:VIG262134 UXZ262132:UYK262134 UOD262132:UOO262134 UEH262132:UES262134 TUL262132:TUW262134 TKP262132:TLA262134 TAT262132:TBE262134 SQX262132:SRI262134 SHB262132:SHM262134 RXF262132:RXQ262134 RNJ262132:RNU262134 RDN262132:RDY262134 QTR262132:QUC262134 QJV262132:QKG262134 PZZ262132:QAK262134 PQD262132:PQO262134 PGH262132:PGS262134 OWL262132:OWW262134 OMP262132:ONA262134 OCT262132:ODE262134 NSX262132:NTI262134 NJB262132:NJM262134 MZF262132:MZQ262134 MPJ262132:MPU262134 MFN262132:MFY262134 LVR262132:LWC262134 LLV262132:LMG262134 LBZ262132:LCK262134 KSD262132:KSO262134 KIH262132:KIS262134 JYL262132:JYW262134 JOP262132:JPA262134 JET262132:JFE262134 IUX262132:IVI262134 ILB262132:ILM262134 IBF262132:IBQ262134 HRJ262132:HRU262134 HHN262132:HHY262134 GXR262132:GYC262134 GNV262132:GOG262134 GDZ262132:GEK262134 FUD262132:FUO262134 FKH262132:FKS262134 FAL262132:FAW262134 EQP262132:ERA262134 EGT262132:EHE262134 DWX262132:DXI262134 DNB262132:DNM262134 DDF262132:DDQ262134 CTJ262132:CTU262134 CJN262132:CJY262134 BZR262132:CAC262134 BPV262132:BQG262134 BFZ262132:BGK262134 AWD262132:AWO262134 AMH262132:AMS262134 ACL262132:ACW262134 SP262132:TA262134 IT262132:JE262134 D262132:O262134 WVF196596:WVQ196598 WLJ196596:WLU196598 WBN196596:WBY196598 VRR196596:VSC196598 VHV196596:VIG196598 UXZ196596:UYK196598 UOD196596:UOO196598 UEH196596:UES196598 TUL196596:TUW196598 TKP196596:TLA196598 TAT196596:TBE196598 SQX196596:SRI196598 SHB196596:SHM196598 RXF196596:RXQ196598 RNJ196596:RNU196598 RDN196596:RDY196598 QTR196596:QUC196598 QJV196596:QKG196598 PZZ196596:QAK196598 PQD196596:PQO196598 PGH196596:PGS196598 OWL196596:OWW196598 OMP196596:ONA196598 OCT196596:ODE196598 NSX196596:NTI196598 NJB196596:NJM196598 MZF196596:MZQ196598 MPJ196596:MPU196598 MFN196596:MFY196598 LVR196596:LWC196598 LLV196596:LMG196598 LBZ196596:LCK196598 KSD196596:KSO196598 KIH196596:KIS196598 JYL196596:JYW196598 JOP196596:JPA196598 JET196596:JFE196598 IUX196596:IVI196598 ILB196596:ILM196598 IBF196596:IBQ196598 HRJ196596:HRU196598 HHN196596:HHY196598 GXR196596:GYC196598 GNV196596:GOG196598 GDZ196596:GEK196598 FUD196596:FUO196598 FKH196596:FKS196598 FAL196596:FAW196598 EQP196596:ERA196598 EGT196596:EHE196598 DWX196596:DXI196598 DNB196596:DNM196598 DDF196596:DDQ196598 CTJ196596:CTU196598 CJN196596:CJY196598 BZR196596:CAC196598 BPV196596:BQG196598 BFZ196596:BGK196598 AWD196596:AWO196598 AMH196596:AMS196598 ACL196596:ACW196598 SP196596:TA196598 IT196596:JE196598 D196596:O196598 WVF131060:WVQ131062 WLJ131060:WLU131062 WBN131060:WBY131062 VRR131060:VSC131062 VHV131060:VIG131062 UXZ131060:UYK131062 UOD131060:UOO131062 UEH131060:UES131062 TUL131060:TUW131062 TKP131060:TLA131062 TAT131060:TBE131062 SQX131060:SRI131062 SHB131060:SHM131062 RXF131060:RXQ131062 RNJ131060:RNU131062 RDN131060:RDY131062 QTR131060:QUC131062 QJV131060:QKG131062 PZZ131060:QAK131062 PQD131060:PQO131062 PGH131060:PGS131062 OWL131060:OWW131062 OMP131060:ONA131062 OCT131060:ODE131062 NSX131060:NTI131062 NJB131060:NJM131062 MZF131060:MZQ131062 MPJ131060:MPU131062 MFN131060:MFY131062 LVR131060:LWC131062 LLV131060:LMG131062 LBZ131060:LCK131062 KSD131060:KSO131062 KIH131060:KIS131062 JYL131060:JYW131062 JOP131060:JPA131062 JET131060:JFE131062 IUX131060:IVI131062 ILB131060:ILM131062 IBF131060:IBQ131062 HRJ131060:HRU131062 HHN131060:HHY131062 GXR131060:GYC131062 GNV131060:GOG131062 GDZ131060:GEK131062 FUD131060:FUO131062 FKH131060:FKS131062 FAL131060:FAW131062 EQP131060:ERA131062 EGT131060:EHE131062 DWX131060:DXI131062 DNB131060:DNM131062 DDF131060:DDQ131062 CTJ131060:CTU131062 CJN131060:CJY131062 BZR131060:CAC131062 BPV131060:BQG131062 BFZ131060:BGK131062 AWD131060:AWO131062 AMH131060:AMS131062 ACL131060:ACW131062 SP131060:TA131062 IT131060:JE131062 D131060:O131062 WVF65524:WVQ65526 WLJ65524:WLU65526 WBN65524:WBY65526 VRR65524:VSC65526 VHV65524:VIG65526 UXZ65524:UYK65526 UOD65524:UOO65526 UEH65524:UES65526 TUL65524:TUW65526 TKP65524:TLA65526 TAT65524:TBE65526 SQX65524:SRI65526 SHB65524:SHM65526 RXF65524:RXQ65526 RNJ65524:RNU65526 RDN65524:RDY65526 QTR65524:QUC65526 QJV65524:QKG65526 PZZ65524:QAK65526 PQD65524:PQO65526 PGH65524:PGS65526 OWL65524:OWW65526 OMP65524:ONA65526 OCT65524:ODE65526 NSX65524:NTI65526 NJB65524:NJM65526 MZF65524:MZQ65526 MPJ65524:MPU65526 MFN65524:MFY65526 LVR65524:LWC65526 LLV65524:LMG65526 LBZ65524:LCK65526 KSD65524:KSO65526 KIH65524:KIS65526 JYL65524:JYW65526 JOP65524:JPA65526 JET65524:JFE65526 IUX65524:IVI65526 ILB65524:ILM65526 IBF65524:IBQ65526 HRJ65524:HRU65526 HHN65524:HHY65526 GXR65524:GYC65526 GNV65524:GOG65526 GDZ65524:GEK65526 FUD65524:FUO65526 FKH65524:FKS65526 FAL65524:FAW65526 EQP65524:ERA65526 EGT65524:EHE65526 DWX65524:DXI65526 DNB65524:DNM65526 DDF65524:DDQ65526 CTJ65524:CTU65526 CJN65524:CJY65526 BZR65524:CAC65526 BPV65524:BQG65526 BFZ65524:BGK65526 AWD65524:AWO65526 AMH65524:AMS65526 ACL65524:ACW65526 SP65524:TA65526 IT65524:JE65526 D65524:O65526 IT12:JE14 WVF12:WVQ14 WLJ12:WLU14 WBN12:WBY14 VRR12:VSC14 VHV12:VIG14 UXZ12:UYK14 UOD12:UOO14 UEH12:UES14 TUL12:TUW14 TKP12:TLA14 TAT12:TBE14 SQX12:SRI14 SHB12:SHM14 RXF12:RXQ14 RNJ12:RNU14 RDN12:RDY14 QTR12:QUC14 QJV12:QKG14 PZZ12:QAK14 PQD12:PQO14 PGH12:PGS14 OWL12:OWW14 OMP12:ONA14 OCT12:ODE14 NSX12:NTI14 NJB12:NJM14 MZF12:MZQ14 MPJ12:MPU14 MFN12:MFY14 LVR12:LWC14 LLV12:LMG14 LBZ12:LCK14 KSD12:KSO14 KIH12:KIS14 JYL12:JYW14 JOP12:JPA14 JET12:JFE14 IUX12:IVI14 ILB12:ILM14 IBF12:IBQ14 HRJ12:HRU14 HHN12:HHY14 GXR12:GYC14 GNV12:GOG14 GDZ12:GEK14 FUD12:FUO14 FKH12:FKS14 FAL12:FAW14 EQP12:ERA14 EGT12:EHE14 DWX12:DXI14 DNB12:DNM14 DDF12:DDQ14 CTJ12:CTU14 CJN12:CJY14 BZR12:CAC14 BPV12:BQG14 BFZ12:BGK14 AWD12:AWO14 AMH12:AMS14 ACL12:ACW14 SP12:TA14 G12:G14">
      <formula1>D12=DBCS(D12)</formula1>
    </dataValidation>
    <dataValidation type="list" allowBlank="1" showInputMessage="1" showErrorMessage="1" sqref="WVP983038:WVR983041 SZ24:TB27 ACV24:ACX27 AMR24:AMT27 AWN24:AWP27 BGJ24:BGL27 BQF24:BQH27 CAB24:CAD27 CJX24:CJZ27 CTT24:CTV27 DDP24:DDR27 DNL24:DNN27 DXH24:DXJ27 EHD24:EHF27 EQZ24:ERB27 FAV24:FAX27 FKR24:FKT27 FUN24:FUP27 GEJ24:GEL27 GOF24:GOH27 GYB24:GYD27 HHX24:HHZ27 HRT24:HRV27 IBP24:IBR27 ILL24:ILN27 IVH24:IVJ27 JFD24:JFF27 JOZ24:JPB27 JYV24:JYX27 KIR24:KIT27 KSN24:KSP27 LCJ24:LCL27 LMF24:LMH27 LWB24:LWD27 MFX24:MFZ27 MPT24:MPV27 MZP24:MZR27 NJL24:NJN27 NTH24:NTJ27 ODD24:ODF27 OMZ24:ONB27 OWV24:OWX27 PGR24:PGT27 PQN24:PQP27 QAJ24:QAL27 QKF24:QKH27 QUB24:QUD27 RDX24:RDZ27 RNT24:RNV27 RXP24:RXR27 SHL24:SHN27 SRH24:SRJ27 TBD24:TBF27 TKZ24:TLB27 TUV24:TUX27 UER24:UET27 UON24:UOP27 UYJ24:UYL27 VIF24:VIH27 VSB24:VSD27 WBX24:WBZ27 WLT24:WLV27 WVP24:WVR27 JD24:JF27 N65534:P65537 JD65534:JF65537 SZ65534:TB65537 ACV65534:ACX65537 AMR65534:AMT65537 AWN65534:AWP65537 BGJ65534:BGL65537 BQF65534:BQH65537 CAB65534:CAD65537 CJX65534:CJZ65537 CTT65534:CTV65537 DDP65534:DDR65537 DNL65534:DNN65537 DXH65534:DXJ65537 EHD65534:EHF65537 EQZ65534:ERB65537 FAV65534:FAX65537 FKR65534:FKT65537 FUN65534:FUP65537 GEJ65534:GEL65537 GOF65534:GOH65537 GYB65534:GYD65537 HHX65534:HHZ65537 HRT65534:HRV65537 IBP65534:IBR65537 ILL65534:ILN65537 IVH65534:IVJ65537 JFD65534:JFF65537 JOZ65534:JPB65537 JYV65534:JYX65537 KIR65534:KIT65537 KSN65534:KSP65537 LCJ65534:LCL65537 LMF65534:LMH65537 LWB65534:LWD65537 MFX65534:MFZ65537 MPT65534:MPV65537 MZP65534:MZR65537 NJL65534:NJN65537 NTH65534:NTJ65537 ODD65534:ODF65537 OMZ65534:ONB65537 OWV65534:OWX65537 PGR65534:PGT65537 PQN65534:PQP65537 QAJ65534:QAL65537 QKF65534:QKH65537 QUB65534:QUD65537 RDX65534:RDZ65537 RNT65534:RNV65537 RXP65534:RXR65537 SHL65534:SHN65537 SRH65534:SRJ65537 TBD65534:TBF65537 TKZ65534:TLB65537 TUV65534:TUX65537 UER65534:UET65537 UON65534:UOP65537 UYJ65534:UYL65537 VIF65534:VIH65537 VSB65534:VSD65537 WBX65534:WBZ65537 WLT65534:WLV65537 WVP65534:WVR65537 N131070:P131073 JD131070:JF131073 SZ131070:TB131073 ACV131070:ACX131073 AMR131070:AMT131073 AWN131070:AWP131073 BGJ131070:BGL131073 BQF131070:BQH131073 CAB131070:CAD131073 CJX131070:CJZ131073 CTT131070:CTV131073 DDP131070:DDR131073 DNL131070:DNN131073 DXH131070:DXJ131073 EHD131070:EHF131073 EQZ131070:ERB131073 FAV131070:FAX131073 FKR131070:FKT131073 FUN131070:FUP131073 GEJ131070:GEL131073 GOF131070:GOH131073 GYB131070:GYD131073 HHX131070:HHZ131073 HRT131070:HRV131073 IBP131070:IBR131073 ILL131070:ILN131073 IVH131070:IVJ131073 JFD131070:JFF131073 JOZ131070:JPB131073 JYV131070:JYX131073 KIR131070:KIT131073 KSN131070:KSP131073 LCJ131070:LCL131073 LMF131070:LMH131073 LWB131070:LWD131073 MFX131070:MFZ131073 MPT131070:MPV131073 MZP131070:MZR131073 NJL131070:NJN131073 NTH131070:NTJ131073 ODD131070:ODF131073 OMZ131070:ONB131073 OWV131070:OWX131073 PGR131070:PGT131073 PQN131070:PQP131073 QAJ131070:QAL131073 QKF131070:QKH131073 QUB131070:QUD131073 RDX131070:RDZ131073 RNT131070:RNV131073 RXP131070:RXR131073 SHL131070:SHN131073 SRH131070:SRJ131073 TBD131070:TBF131073 TKZ131070:TLB131073 TUV131070:TUX131073 UER131070:UET131073 UON131070:UOP131073 UYJ131070:UYL131073 VIF131070:VIH131073 VSB131070:VSD131073 WBX131070:WBZ131073 WLT131070:WLV131073 WVP131070:WVR131073 N196606:P196609 JD196606:JF196609 SZ196606:TB196609 ACV196606:ACX196609 AMR196606:AMT196609 AWN196606:AWP196609 BGJ196606:BGL196609 BQF196606:BQH196609 CAB196606:CAD196609 CJX196606:CJZ196609 CTT196606:CTV196609 DDP196606:DDR196609 DNL196606:DNN196609 DXH196606:DXJ196609 EHD196606:EHF196609 EQZ196606:ERB196609 FAV196606:FAX196609 FKR196606:FKT196609 FUN196606:FUP196609 GEJ196606:GEL196609 GOF196606:GOH196609 GYB196606:GYD196609 HHX196606:HHZ196609 HRT196606:HRV196609 IBP196606:IBR196609 ILL196606:ILN196609 IVH196606:IVJ196609 JFD196606:JFF196609 JOZ196606:JPB196609 JYV196606:JYX196609 KIR196606:KIT196609 KSN196606:KSP196609 LCJ196606:LCL196609 LMF196606:LMH196609 LWB196606:LWD196609 MFX196606:MFZ196609 MPT196606:MPV196609 MZP196606:MZR196609 NJL196606:NJN196609 NTH196606:NTJ196609 ODD196606:ODF196609 OMZ196606:ONB196609 OWV196606:OWX196609 PGR196606:PGT196609 PQN196606:PQP196609 QAJ196606:QAL196609 QKF196606:QKH196609 QUB196606:QUD196609 RDX196606:RDZ196609 RNT196606:RNV196609 RXP196606:RXR196609 SHL196606:SHN196609 SRH196606:SRJ196609 TBD196606:TBF196609 TKZ196606:TLB196609 TUV196606:TUX196609 UER196606:UET196609 UON196606:UOP196609 UYJ196606:UYL196609 VIF196606:VIH196609 VSB196606:VSD196609 WBX196606:WBZ196609 WLT196606:WLV196609 WVP196606:WVR196609 N262142:P262145 JD262142:JF262145 SZ262142:TB262145 ACV262142:ACX262145 AMR262142:AMT262145 AWN262142:AWP262145 BGJ262142:BGL262145 BQF262142:BQH262145 CAB262142:CAD262145 CJX262142:CJZ262145 CTT262142:CTV262145 DDP262142:DDR262145 DNL262142:DNN262145 DXH262142:DXJ262145 EHD262142:EHF262145 EQZ262142:ERB262145 FAV262142:FAX262145 FKR262142:FKT262145 FUN262142:FUP262145 GEJ262142:GEL262145 GOF262142:GOH262145 GYB262142:GYD262145 HHX262142:HHZ262145 HRT262142:HRV262145 IBP262142:IBR262145 ILL262142:ILN262145 IVH262142:IVJ262145 JFD262142:JFF262145 JOZ262142:JPB262145 JYV262142:JYX262145 KIR262142:KIT262145 KSN262142:KSP262145 LCJ262142:LCL262145 LMF262142:LMH262145 LWB262142:LWD262145 MFX262142:MFZ262145 MPT262142:MPV262145 MZP262142:MZR262145 NJL262142:NJN262145 NTH262142:NTJ262145 ODD262142:ODF262145 OMZ262142:ONB262145 OWV262142:OWX262145 PGR262142:PGT262145 PQN262142:PQP262145 QAJ262142:QAL262145 QKF262142:QKH262145 QUB262142:QUD262145 RDX262142:RDZ262145 RNT262142:RNV262145 RXP262142:RXR262145 SHL262142:SHN262145 SRH262142:SRJ262145 TBD262142:TBF262145 TKZ262142:TLB262145 TUV262142:TUX262145 UER262142:UET262145 UON262142:UOP262145 UYJ262142:UYL262145 VIF262142:VIH262145 VSB262142:VSD262145 WBX262142:WBZ262145 WLT262142:WLV262145 WVP262142:WVR262145 N327678:P327681 JD327678:JF327681 SZ327678:TB327681 ACV327678:ACX327681 AMR327678:AMT327681 AWN327678:AWP327681 BGJ327678:BGL327681 BQF327678:BQH327681 CAB327678:CAD327681 CJX327678:CJZ327681 CTT327678:CTV327681 DDP327678:DDR327681 DNL327678:DNN327681 DXH327678:DXJ327681 EHD327678:EHF327681 EQZ327678:ERB327681 FAV327678:FAX327681 FKR327678:FKT327681 FUN327678:FUP327681 GEJ327678:GEL327681 GOF327678:GOH327681 GYB327678:GYD327681 HHX327678:HHZ327681 HRT327678:HRV327681 IBP327678:IBR327681 ILL327678:ILN327681 IVH327678:IVJ327681 JFD327678:JFF327681 JOZ327678:JPB327681 JYV327678:JYX327681 KIR327678:KIT327681 KSN327678:KSP327681 LCJ327678:LCL327681 LMF327678:LMH327681 LWB327678:LWD327681 MFX327678:MFZ327681 MPT327678:MPV327681 MZP327678:MZR327681 NJL327678:NJN327681 NTH327678:NTJ327681 ODD327678:ODF327681 OMZ327678:ONB327681 OWV327678:OWX327681 PGR327678:PGT327681 PQN327678:PQP327681 QAJ327678:QAL327681 QKF327678:QKH327681 QUB327678:QUD327681 RDX327678:RDZ327681 RNT327678:RNV327681 RXP327678:RXR327681 SHL327678:SHN327681 SRH327678:SRJ327681 TBD327678:TBF327681 TKZ327678:TLB327681 TUV327678:TUX327681 UER327678:UET327681 UON327678:UOP327681 UYJ327678:UYL327681 VIF327678:VIH327681 VSB327678:VSD327681 WBX327678:WBZ327681 WLT327678:WLV327681 WVP327678:WVR327681 N393214:P393217 JD393214:JF393217 SZ393214:TB393217 ACV393214:ACX393217 AMR393214:AMT393217 AWN393214:AWP393217 BGJ393214:BGL393217 BQF393214:BQH393217 CAB393214:CAD393217 CJX393214:CJZ393217 CTT393214:CTV393217 DDP393214:DDR393217 DNL393214:DNN393217 DXH393214:DXJ393217 EHD393214:EHF393217 EQZ393214:ERB393217 FAV393214:FAX393217 FKR393214:FKT393217 FUN393214:FUP393217 GEJ393214:GEL393217 GOF393214:GOH393217 GYB393214:GYD393217 HHX393214:HHZ393217 HRT393214:HRV393217 IBP393214:IBR393217 ILL393214:ILN393217 IVH393214:IVJ393217 JFD393214:JFF393217 JOZ393214:JPB393217 JYV393214:JYX393217 KIR393214:KIT393217 KSN393214:KSP393217 LCJ393214:LCL393217 LMF393214:LMH393217 LWB393214:LWD393217 MFX393214:MFZ393217 MPT393214:MPV393217 MZP393214:MZR393217 NJL393214:NJN393217 NTH393214:NTJ393217 ODD393214:ODF393217 OMZ393214:ONB393217 OWV393214:OWX393217 PGR393214:PGT393217 PQN393214:PQP393217 QAJ393214:QAL393217 QKF393214:QKH393217 QUB393214:QUD393217 RDX393214:RDZ393217 RNT393214:RNV393217 RXP393214:RXR393217 SHL393214:SHN393217 SRH393214:SRJ393217 TBD393214:TBF393217 TKZ393214:TLB393217 TUV393214:TUX393217 UER393214:UET393217 UON393214:UOP393217 UYJ393214:UYL393217 VIF393214:VIH393217 VSB393214:VSD393217 WBX393214:WBZ393217 WLT393214:WLV393217 WVP393214:WVR393217 N458750:P458753 JD458750:JF458753 SZ458750:TB458753 ACV458750:ACX458753 AMR458750:AMT458753 AWN458750:AWP458753 BGJ458750:BGL458753 BQF458750:BQH458753 CAB458750:CAD458753 CJX458750:CJZ458753 CTT458750:CTV458753 DDP458750:DDR458753 DNL458750:DNN458753 DXH458750:DXJ458753 EHD458750:EHF458753 EQZ458750:ERB458753 FAV458750:FAX458753 FKR458750:FKT458753 FUN458750:FUP458753 GEJ458750:GEL458753 GOF458750:GOH458753 GYB458750:GYD458753 HHX458750:HHZ458753 HRT458750:HRV458753 IBP458750:IBR458753 ILL458750:ILN458753 IVH458750:IVJ458753 JFD458750:JFF458753 JOZ458750:JPB458753 JYV458750:JYX458753 KIR458750:KIT458753 KSN458750:KSP458753 LCJ458750:LCL458753 LMF458750:LMH458753 LWB458750:LWD458753 MFX458750:MFZ458753 MPT458750:MPV458753 MZP458750:MZR458753 NJL458750:NJN458753 NTH458750:NTJ458753 ODD458750:ODF458753 OMZ458750:ONB458753 OWV458750:OWX458753 PGR458750:PGT458753 PQN458750:PQP458753 QAJ458750:QAL458753 QKF458750:QKH458753 QUB458750:QUD458753 RDX458750:RDZ458753 RNT458750:RNV458753 RXP458750:RXR458753 SHL458750:SHN458753 SRH458750:SRJ458753 TBD458750:TBF458753 TKZ458750:TLB458753 TUV458750:TUX458753 UER458750:UET458753 UON458750:UOP458753 UYJ458750:UYL458753 VIF458750:VIH458753 VSB458750:VSD458753 WBX458750:WBZ458753 WLT458750:WLV458753 WVP458750:WVR458753 N524286:P524289 JD524286:JF524289 SZ524286:TB524289 ACV524286:ACX524289 AMR524286:AMT524289 AWN524286:AWP524289 BGJ524286:BGL524289 BQF524286:BQH524289 CAB524286:CAD524289 CJX524286:CJZ524289 CTT524286:CTV524289 DDP524286:DDR524289 DNL524286:DNN524289 DXH524286:DXJ524289 EHD524286:EHF524289 EQZ524286:ERB524289 FAV524286:FAX524289 FKR524286:FKT524289 FUN524286:FUP524289 GEJ524286:GEL524289 GOF524286:GOH524289 GYB524286:GYD524289 HHX524286:HHZ524289 HRT524286:HRV524289 IBP524286:IBR524289 ILL524286:ILN524289 IVH524286:IVJ524289 JFD524286:JFF524289 JOZ524286:JPB524289 JYV524286:JYX524289 KIR524286:KIT524289 KSN524286:KSP524289 LCJ524286:LCL524289 LMF524286:LMH524289 LWB524286:LWD524289 MFX524286:MFZ524289 MPT524286:MPV524289 MZP524286:MZR524289 NJL524286:NJN524289 NTH524286:NTJ524289 ODD524286:ODF524289 OMZ524286:ONB524289 OWV524286:OWX524289 PGR524286:PGT524289 PQN524286:PQP524289 QAJ524286:QAL524289 QKF524286:QKH524289 QUB524286:QUD524289 RDX524286:RDZ524289 RNT524286:RNV524289 RXP524286:RXR524289 SHL524286:SHN524289 SRH524286:SRJ524289 TBD524286:TBF524289 TKZ524286:TLB524289 TUV524286:TUX524289 UER524286:UET524289 UON524286:UOP524289 UYJ524286:UYL524289 VIF524286:VIH524289 VSB524286:VSD524289 WBX524286:WBZ524289 WLT524286:WLV524289 WVP524286:WVR524289 N589822:P589825 JD589822:JF589825 SZ589822:TB589825 ACV589822:ACX589825 AMR589822:AMT589825 AWN589822:AWP589825 BGJ589822:BGL589825 BQF589822:BQH589825 CAB589822:CAD589825 CJX589822:CJZ589825 CTT589822:CTV589825 DDP589822:DDR589825 DNL589822:DNN589825 DXH589822:DXJ589825 EHD589822:EHF589825 EQZ589822:ERB589825 FAV589822:FAX589825 FKR589822:FKT589825 FUN589822:FUP589825 GEJ589822:GEL589825 GOF589822:GOH589825 GYB589822:GYD589825 HHX589822:HHZ589825 HRT589822:HRV589825 IBP589822:IBR589825 ILL589822:ILN589825 IVH589822:IVJ589825 JFD589822:JFF589825 JOZ589822:JPB589825 JYV589822:JYX589825 KIR589822:KIT589825 KSN589822:KSP589825 LCJ589822:LCL589825 LMF589822:LMH589825 LWB589822:LWD589825 MFX589822:MFZ589825 MPT589822:MPV589825 MZP589822:MZR589825 NJL589822:NJN589825 NTH589822:NTJ589825 ODD589822:ODF589825 OMZ589822:ONB589825 OWV589822:OWX589825 PGR589822:PGT589825 PQN589822:PQP589825 QAJ589822:QAL589825 QKF589822:QKH589825 QUB589822:QUD589825 RDX589822:RDZ589825 RNT589822:RNV589825 RXP589822:RXR589825 SHL589822:SHN589825 SRH589822:SRJ589825 TBD589822:TBF589825 TKZ589822:TLB589825 TUV589822:TUX589825 UER589822:UET589825 UON589822:UOP589825 UYJ589822:UYL589825 VIF589822:VIH589825 VSB589822:VSD589825 WBX589822:WBZ589825 WLT589822:WLV589825 WVP589822:WVR589825 N655358:P655361 JD655358:JF655361 SZ655358:TB655361 ACV655358:ACX655361 AMR655358:AMT655361 AWN655358:AWP655361 BGJ655358:BGL655361 BQF655358:BQH655361 CAB655358:CAD655361 CJX655358:CJZ655361 CTT655358:CTV655361 DDP655358:DDR655361 DNL655358:DNN655361 DXH655358:DXJ655361 EHD655358:EHF655361 EQZ655358:ERB655361 FAV655358:FAX655361 FKR655358:FKT655361 FUN655358:FUP655361 GEJ655358:GEL655361 GOF655358:GOH655361 GYB655358:GYD655361 HHX655358:HHZ655361 HRT655358:HRV655361 IBP655358:IBR655361 ILL655358:ILN655361 IVH655358:IVJ655361 JFD655358:JFF655361 JOZ655358:JPB655361 JYV655358:JYX655361 KIR655358:KIT655361 KSN655358:KSP655361 LCJ655358:LCL655361 LMF655358:LMH655361 LWB655358:LWD655361 MFX655358:MFZ655361 MPT655358:MPV655361 MZP655358:MZR655361 NJL655358:NJN655361 NTH655358:NTJ655361 ODD655358:ODF655361 OMZ655358:ONB655361 OWV655358:OWX655361 PGR655358:PGT655361 PQN655358:PQP655361 QAJ655358:QAL655361 QKF655358:QKH655361 QUB655358:QUD655361 RDX655358:RDZ655361 RNT655358:RNV655361 RXP655358:RXR655361 SHL655358:SHN655361 SRH655358:SRJ655361 TBD655358:TBF655361 TKZ655358:TLB655361 TUV655358:TUX655361 UER655358:UET655361 UON655358:UOP655361 UYJ655358:UYL655361 VIF655358:VIH655361 VSB655358:VSD655361 WBX655358:WBZ655361 WLT655358:WLV655361 WVP655358:WVR655361 N720894:P720897 JD720894:JF720897 SZ720894:TB720897 ACV720894:ACX720897 AMR720894:AMT720897 AWN720894:AWP720897 BGJ720894:BGL720897 BQF720894:BQH720897 CAB720894:CAD720897 CJX720894:CJZ720897 CTT720894:CTV720897 DDP720894:DDR720897 DNL720894:DNN720897 DXH720894:DXJ720897 EHD720894:EHF720897 EQZ720894:ERB720897 FAV720894:FAX720897 FKR720894:FKT720897 FUN720894:FUP720897 GEJ720894:GEL720897 GOF720894:GOH720897 GYB720894:GYD720897 HHX720894:HHZ720897 HRT720894:HRV720897 IBP720894:IBR720897 ILL720894:ILN720897 IVH720894:IVJ720897 JFD720894:JFF720897 JOZ720894:JPB720897 JYV720894:JYX720897 KIR720894:KIT720897 KSN720894:KSP720897 LCJ720894:LCL720897 LMF720894:LMH720897 LWB720894:LWD720897 MFX720894:MFZ720897 MPT720894:MPV720897 MZP720894:MZR720897 NJL720894:NJN720897 NTH720894:NTJ720897 ODD720894:ODF720897 OMZ720894:ONB720897 OWV720894:OWX720897 PGR720894:PGT720897 PQN720894:PQP720897 QAJ720894:QAL720897 QKF720894:QKH720897 QUB720894:QUD720897 RDX720894:RDZ720897 RNT720894:RNV720897 RXP720894:RXR720897 SHL720894:SHN720897 SRH720894:SRJ720897 TBD720894:TBF720897 TKZ720894:TLB720897 TUV720894:TUX720897 UER720894:UET720897 UON720894:UOP720897 UYJ720894:UYL720897 VIF720894:VIH720897 VSB720894:VSD720897 WBX720894:WBZ720897 WLT720894:WLV720897 WVP720894:WVR720897 N786430:P786433 JD786430:JF786433 SZ786430:TB786433 ACV786430:ACX786433 AMR786430:AMT786433 AWN786430:AWP786433 BGJ786430:BGL786433 BQF786430:BQH786433 CAB786430:CAD786433 CJX786430:CJZ786433 CTT786430:CTV786433 DDP786430:DDR786433 DNL786430:DNN786433 DXH786430:DXJ786433 EHD786430:EHF786433 EQZ786430:ERB786433 FAV786430:FAX786433 FKR786430:FKT786433 FUN786430:FUP786433 GEJ786430:GEL786433 GOF786430:GOH786433 GYB786430:GYD786433 HHX786430:HHZ786433 HRT786430:HRV786433 IBP786430:IBR786433 ILL786430:ILN786433 IVH786430:IVJ786433 JFD786430:JFF786433 JOZ786430:JPB786433 JYV786430:JYX786433 KIR786430:KIT786433 KSN786430:KSP786433 LCJ786430:LCL786433 LMF786430:LMH786433 LWB786430:LWD786433 MFX786430:MFZ786433 MPT786430:MPV786433 MZP786430:MZR786433 NJL786430:NJN786433 NTH786430:NTJ786433 ODD786430:ODF786433 OMZ786430:ONB786433 OWV786430:OWX786433 PGR786430:PGT786433 PQN786430:PQP786433 QAJ786430:QAL786433 QKF786430:QKH786433 QUB786430:QUD786433 RDX786430:RDZ786433 RNT786430:RNV786433 RXP786430:RXR786433 SHL786430:SHN786433 SRH786430:SRJ786433 TBD786430:TBF786433 TKZ786430:TLB786433 TUV786430:TUX786433 UER786430:UET786433 UON786430:UOP786433 UYJ786430:UYL786433 VIF786430:VIH786433 VSB786430:VSD786433 WBX786430:WBZ786433 WLT786430:WLV786433 WVP786430:WVR786433 N851966:P851969 JD851966:JF851969 SZ851966:TB851969 ACV851966:ACX851969 AMR851966:AMT851969 AWN851966:AWP851969 BGJ851966:BGL851969 BQF851966:BQH851969 CAB851966:CAD851969 CJX851966:CJZ851969 CTT851966:CTV851969 DDP851966:DDR851969 DNL851966:DNN851969 DXH851966:DXJ851969 EHD851966:EHF851969 EQZ851966:ERB851969 FAV851966:FAX851969 FKR851966:FKT851969 FUN851966:FUP851969 GEJ851966:GEL851969 GOF851966:GOH851969 GYB851966:GYD851969 HHX851966:HHZ851969 HRT851966:HRV851969 IBP851966:IBR851969 ILL851966:ILN851969 IVH851966:IVJ851969 JFD851966:JFF851969 JOZ851966:JPB851969 JYV851966:JYX851969 KIR851966:KIT851969 KSN851966:KSP851969 LCJ851966:LCL851969 LMF851966:LMH851969 LWB851966:LWD851969 MFX851966:MFZ851969 MPT851966:MPV851969 MZP851966:MZR851969 NJL851966:NJN851969 NTH851966:NTJ851969 ODD851966:ODF851969 OMZ851966:ONB851969 OWV851966:OWX851969 PGR851966:PGT851969 PQN851966:PQP851969 QAJ851966:QAL851969 QKF851966:QKH851969 QUB851966:QUD851969 RDX851966:RDZ851969 RNT851966:RNV851969 RXP851966:RXR851969 SHL851966:SHN851969 SRH851966:SRJ851969 TBD851966:TBF851969 TKZ851966:TLB851969 TUV851966:TUX851969 UER851966:UET851969 UON851966:UOP851969 UYJ851966:UYL851969 VIF851966:VIH851969 VSB851966:VSD851969 WBX851966:WBZ851969 WLT851966:WLV851969 WVP851966:WVR851969 N917502:P917505 JD917502:JF917505 SZ917502:TB917505 ACV917502:ACX917505 AMR917502:AMT917505 AWN917502:AWP917505 BGJ917502:BGL917505 BQF917502:BQH917505 CAB917502:CAD917505 CJX917502:CJZ917505 CTT917502:CTV917505 DDP917502:DDR917505 DNL917502:DNN917505 DXH917502:DXJ917505 EHD917502:EHF917505 EQZ917502:ERB917505 FAV917502:FAX917505 FKR917502:FKT917505 FUN917502:FUP917505 GEJ917502:GEL917505 GOF917502:GOH917505 GYB917502:GYD917505 HHX917502:HHZ917505 HRT917502:HRV917505 IBP917502:IBR917505 ILL917502:ILN917505 IVH917502:IVJ917505 JFD917502:JFF917505 JOZ917502:JPB917505 JYV917502:JYX917505 KIR917502:KIT917505 KSN917502:KSP917505 LCJ917502:LCL917505 LMF917502:LMH917505 LWB917502:LWD917505 MFX917502:MFZ917505 MPT917502:MPV917505 MZP917502:MZR917505 NJL917502:NJN917505 NTH917502:NTJ917505 ODD917502:ODF917505 OMZ917502:ONB917505 OWV917502:OWX917505 PGR917502:PGT917505 PQN917502:PQP917505 QAJ917502:QAL917505 QKF917502:QKH917505 QUB917502:QUD917505 RDX917502:RDZ917505 RNT917502:RNV917505 RXP917502:RXR917505 SHL917502:SHN917505 SRH917502:SRJ917505 TBD917502:TBF917505 TKZ917502:TLB917505 TUV917502:TUX917505 UER917502:UET917505 UON917502:UOP917505 UYJ917502:UYL917505 VIF917502:VIH917505 VSB917502:VSD917505 WBX917502:WBZ917505 WLT917502:WLV917505 WVP917502:WVR917505 N983038:P983041 JD983038:JF983041 SZ983038:TB983041 ACV983038:ACX983041 AMR983038:AMT983041 AWN983038:AWP983041 BGJ983038:BGL983041 BQF983038:BQH983041 CAB983038:CAD983041 CJX983038:CJZ983041 CTT983038:CTV983041 DDP983038:DDR983041 DNL983038:DNN983041 DXH983038:DXJ983041 EHD983038:EHF983041 EQZ983038:ERB983041 FAV983038:FAX983041 FKR983038:FKT983041 FUN983038:FUP983041 GEJ983038:GEL983041 GOF983038:GOH983041 GYB983038:GYD983041 HHX983038:HHZ983041 HRT983038:HRV983041 IBP983038:IBR983041 ILL983038:ILN983041 IVH983038:IVJ983041 JFD983038:JFF983041 JOZ983038:JPB983041 JYV983038:JYX983041 KIR983038:KIT983041 KSN983038:KSP983041 LCJ983038:LCL983041 LMF983038:LMH983041 LWB983038:LWD983041 MFX983038:MFZ983041 MPT983038:MPV983041 MZP983038:MZR983041 NJL983038:NJN983041 NTH983038:NTJ983041 ODD983038:ODF983041 OMZ983038:ONB983041 OWV983038:OWX983041 PGR983038:PGT983041 PQN983038:PQP983041 QAJ983038:QAL983041 QKF983038:QKH983041 QUB983038:QUD983041 RDX983038:RDZ983041 RNT983038:RNV983041 RXP983038:RXR983041 SHL983038:SHN983041 SRH983038:SRJ983041 TBD983038:TBF983041 TKZ983038:TLB983041 TUV983038:TUX983041 UER983038:UET983041 UON983038:UOP983041 UYJ983038:UYL983041 VIF983038:VIH983041 VSB983038:VSD983041 WBX983038:WBZ983041 WLT983038:WLV983041">
      <formula1>$AF$24:$AF$24</formula1>
    </dataValidation>
  </dataValidations>
  <pageMargins left="0.70866141732283472" right="0.70866141732283472" top="0.78740157480314965" bottom="0.74803149606299213" header="0.31496062992125984" footer="0.31496062992125984"/>
  <pageSetup paperSize="9" scale="78"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8</vt:i4>
      </vt:variant>
    </vt:vector>
  </HeadingPairs>
  <TitlesOfParts>
    <vt:vector size="17" baseType="lpstr">
      <vt:lpstr>様式１</vt:lpstr>
      <vt:lpstr>様式２</vt:lpstr>
      <vt:lpstr>様式３</vt:lpstr>
      <vt:lpstr>様式４</vt:lpstr>
      <vt:lpstr>様式５</vt:lpstr>
      <vt:lpstr>様式６</vt:lpstr>
      <vt:lpstr>様式7</vt:lpstr>
      <vt:lpstr>様式８</vt:lpstr>
      <vt:lpstr>様式９</vt:lpstr>
      <vt:lpstr>様式１!Print_Area</vt:lpstr>
      <vt:lpstr>様式２!Print_Area</vt:lpstr>
      <vt:lpstr>様式３!Print_Area</vt:lpstr>
      <vt:lpstr>様式４!Print_Area</vt:lpstr>
      <vt:lpstr>様式５!Print_Area</vt:lpstr>
      <vt:lpstr>様式7!Print_Area</vt:lpstr>
      <vt:lpstr>様式８!Print_Area</vt:lpstr>
      <vt:lpstr>様式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 剛史</dc:creator>
  <cp:lastModifiedBy>user</cp:lastModifiedBy>
  <cp:lastPrinted>2022-12-19T04:32:02Z</cp:lastPrinted>
  <dcterms:created xsi:type="dcterms:W3CDTF">2020-02-13T04:01:58Z</dcterms:created>
  <dcterms:modified xsi:type="dcterms:W3CDTF">2023-02-20T02:04:13Z</dcterms:modified>
</cp:coreProperties>
</file>